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章 自然\02公表用（改定有）\"/>
    </mc:Choice>
  </mc:AlternateContent>
  <xr:revisionPtr revIDLastSave="0" documentId="13_ncr:1_{2FD2074E-79AC-4B01-A0BE-298E8F837C7D}" xr6:coauthVersionLast="44" xr6:coauthVersionMax="44" xr10:uidLastSave="{00000000-0000-0000-0000-000000000000}"/>
  <bookViews>
    <workbookView xWindow="-108" yWindow="-108" windowWidth="23256" windowHeight="12576" tabRatio="839" xr2:uid="{00000000-000D-0000-FFFF-FFFF00000000}"/>
  </bookViews>
  <sheets>
    <sheet name="５　気象概況" sheetId="6" r:id="rId1"/>
  </sheets>
  <definedNames>
    <definedName name="_xlnm._FilterDatabase" localSheetId="0" hidden="1">'５　気象概況'!$A$52:$Q$88</definedName>
    <definedName name="_xlnm.Print_Area" localSheetId="0">'５　気象概況'!$A$1:$P$8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267" uniqueCount="119">
  <si>
    <t>　　　　　　　気　温　℃</t>
    <rPh sb="7" eb="10">
      <t>キオン</t>
    </rPh>
    <phoneticPr fontId="3"/>
  </si>
  <si>
    <t>日照時間</t>
    <rPh sb="0" eb="2">
      <t>ニッショウ</t>
    </rPh>
    <rPh sb="2" eb="4">
      <t>ジカン</t>
    </rPh>
    <phoneticPr fontId="3"/>
  </si>
  <si>
    <t>　　　　　　　降　水　量　mm</t>
    <rPh sb="7" eb="12">
      <t>コウスイリョウ</t>
    </rPh>
    <phoneticPr fontId="3"/>
  </si>
  <si>
    <t>降雪の合計</t>
    <rPh sb="0" eb="2">
      <t>コウセツ</t>
    </rPh>
    <rPh sb="3" eb="5">
      <t>ゴウケイ</t>
    </rPh>
    <phoneticPr fontId="3"/>
  </si>
  <si>
    <t>平均風速</t>
    <rPh sb="0" eb="2">
      <t>ヘイキン</t>
    </rPh>
    <rPh sb="2" eb="4">
      <t>フウソク</t>
    </rPh>
    <phoneticPr fontId="3"/>
  </si>
  <si>
    <t>平均</t>
    <rPh sb="0" eb="2">
      <t>ヘイキン</t>
    </rPh>
    <phoneticPr fontId="3"/>
  </si>
  <si>
    <t>日最高</t>
    <rPh sb="0" eb="1">
      <t>ヒ</t>
    </rPh>
    <rPh sb="1" eb="3">
      <t>サイコウ</t>
    </rPh>
    <phoneticPr fontId="3"/>
  </si>
  <si>
    <t>月／日</t>
    <rPh sb="0" eb="1">
      <t>ツキ</t>
    </rPh>
    <rPh sb="2" eb="3">
      <t>ヒ</t>
    </rPh>
    <phoneticPr fontId="3"/>
  </si>
  <si>
    <t>日最低</t>
    <rPh sb="0" eb="1">
      <t>ヒ</t>
    </rPh>
    <rPh sb="1" eb="3">
      <t>サイテイ</t>
    </rPh>
    <phoneticPr fontId="3"/>
  </si>
  <si>
    <t>月／日</t>
    <rPh sb="0" eb="1">
      <t>ゲツ</t>
    </rPh>
    <rPh sb="2" eb="3">
      <t>ニチ</t>
    </rPh>
    <phoneticPr fontId="3"/>
  </si>
  <si>
    <t>h</t>
    <phoneticPr fontId="3"/>
  </si>
  <si>
    <t>総降水量</t>
    <rPh sb="0" eb="1">
      <t>ソウ</t>
    </rPh>
    <rPh sb="1" eb="4">
      <t>コウスイリョウ</t>
    </rPh>
    <phoneticPr fontId="3"/>
  </si>
  <si>
    <t>日最大</t>
    <rPh sb="0" eb="1">
      <t>ニチ</t>
    </rPh>
    <rPh sb="1" eb="3">
      <t>サイダイ</t>
    </rPh>
    <phoneticPr fontId="3"/>
  </si>
  <si>
    <t>月／日</t>
    <rPh sb="0" eb="1">
      <t>ガツ</t>
    </rPh>
    <rPh sb="2" eb="3">
      <t>ニチ</t>
    </rPh>
    <phoneticPr fontId="3"/>
  </si>
  <si>
    <t>１時間最大</t>
    <rPh sb="1" eb="3">
      <t>ジカン</t>
    </rPh>
    <rPh sb="3" eb="5">
      <t>サイダイ</t>
    </rPh>
    <phoneticPr fontId="3"/>
  </si>
  <si>
    <t xml:space="preserve"> （cm）</t>
    <phoneticPr fontId="3"/>
  </si>
  <si>
    <t>ｍ／ｓ</t>
    <phoneticPr fontId="3"/>
  </si>
  <si>
    <t>石狩</t>
    <rPh sb="0" eb="2">
      <t>イシカリ</t>
    </rPh>
    <phoneticPr fontId="3"/>
  </si>
  <si>
    <t>厚田</t>
    <rPh sb="0" eb="2">
      <t>アツタ</t>
    </rPh>
    <phoneticPr fontId="3"/>
  </si>
  <si>
    <t>浜益</t>
    <rPh sb="0" eb="2">
      <t>ハママス</t>
    </rPh>
    <phoneticPr fontId="3"/>
  </si>
  <si>
    <t>平成19年</t>
    <rPh sb="0" eb="2">
      <t>ヘイセイ</t>
    </rPh>
    <rPh sb="4" eb="5">
      <t>ネン</t>
    </rPh>
    <phoneticPr fontId="3"/>
  </si>
  <si>
    <t>平成20年</t>
    <rPh sb="0" eb="2">
      <t>ヘイセイ</t>
    </rPh>
    <phoneticPr fontId="3"/>
  </si>
  <si>
    <t>平成21年</t>
    <rPh sb="0" eb="2">
      <t>ヘイセイ</t>
    </rPh>
    <phoneticPr fontId="3"/>
  </si>
  <si>
    <t>平成22年</t>
    <rPh sb="0" eb="2">
      <t>ヘイセイ</t>
    </rPh>
    <phoneticPr fontId="3"/>
  </si>
  <si>
    <t>平成23年</t>
    <rPh sb="0" eb="2">
      <t>ヘイセイ</t>
    </rPh>
    <phoneticPr fontId="3"/>
  </si>
  <si>
    <t>平成24年</t>
    <rPh sb="0" eb="2">
      <t>ヘイセイ</t>
    </rPh>
    <phoneticPr fontId="3"/>
  </si>
  <si>
    <t>平成25年</t>
    <rPh sb="0" eb="2">
      <t>ヘイセイ</t>
    </rPh>
    <phoneticPr fontId="3"/>
  </si>
  <si>
    <t>平成26年</t>
    <rPh sb="0" eb="2">
      <t>ヘイセイ</t>
    </rPh>
    <phoneticPr fontId="3"/>
  </si>
  <si>
    <t>１月</t>
    <rPh sb="1" eb="2">
      <t>ゲツ</t>
    </rPh>
    <phoneticPr fontId="3"/>
  </si>
  <si>
    <t>２月</t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-</t>
    <phoneticPr fontId="3"/>
  </si>
  <si>
    <t>8/8</t>
    <phoneticPr fontId="3"/>
  </si>
  <si>
    <t>8/2</t>
    <phoneticPr fontId="3"/>
  </si>
  <si>
    <t>9/10</t>
    <phoneticPr fontId="3"/>
  </si>
  <si>
    <t>2/23</t>
    <phoneticPr fontId="3"/>
  </si>
  <si>
    <t>8/29</t>
    <phoneticPr fontId="3"/>
  </si>
  <si>
    <t>7/22</t>
    <phoneticPr fontId="3"/>
  </si>
  <si>
    <t>9/3</t>
    <phoneticPr fontId="3"/>
  </si>
  <si>
    <t>7/19</t>
    <phoneticPr fontId="3"/>
  </si>
  <si>
    <t>10/10</t>
    <phoneticPr fontId="3"/>
  </si>
  <si>
    <t>6/23</t>
    <phoneticPr fontId="3"/>
  </si>
  <si>
    <t>7/1</t>
    <phoneticPr fontId="3"/>
  </si>
  <si>
    <t>1483.6]</t>
    <phoneticPr fontId="3"/>
  </si>
  <si>
    <t>8/24</t>
    <phoneticPr fontId="3"/>
  </si>
  <si>
    <t>596]</t>
    <phoneticPr fontId="3"/>
  </si>
  <si>
    <t>8/23</t>
    <phoneticPr fontId="3"/>
  </si>
  <si>
    <t>7/29</t>
    <phoneticPr fontId="3"/>
  </si>
  <si>
    <t>9/2</t>
    <phoneticPr fontId="3"/>
  </si>
  <si>
    <t>9/9</t>
    <phoneticPr fontId="3"/>
  </si>
  <si>
    <t>8/1</t>
    <phoneticPr fontId="3"/>
  </si>
  <si>
    <t>818]</t>
    <phoneticPr fontId="3"/>
  </si>
  <si>
    <t>8/20</t>
    <phoneticPr fontId="3"/>
  </si>
  <si>
    <t>9/4</t>
    <phoneticPr fontId="3"/>
  </si>
  <si>
    <t>735]</t>
    <phoneticPr fontId="3"/>
  </si>
  <si>
    <t>8/27</t>
    <phoneticPr fontId="3"/>
  </si>
  <si>
    <t>8/18</t>
    <phoneticPr fontId="3"/>
  </si>
  <si>
    <t>8/19</t>
    <phoneticPr fontId="3"/>
  </si>
  <si>
    <t>8/11</t>
    <phoneticPr fontId="3"/>
  </si>
  <si>
    <t>9/17</t>
    <phoneticPr fontId="3"/>
  </si>
  <si>
    <t>7/9</t>
    <phoneticPr fontId="3"/>
  </si>
  <si>
    <t>8/5</t>
    <phoneticPr fontId="3"/>
  </si>
  <si>
    <t>7/27</t>
    <phoneticPr fontId="3"/>
  </si>
  <si>
    <t>平成27年</t>
    <rPh sb="0" eb="2">
      <t>ヘイセイ</t>
    </rPh>
    <phoneticPr fontId="3"/>
  </si>
  <si>
    <t>-</t>
    <phoneticPr fontId="2"/>
  </si>
  <si>
    <t>9/2</t>
    <phoneticPr fontId="2"/>
  </si>
  <si>
    <t>6/3</t>
    <phoneticPr fontId="2"/>
  </si>
  <si>
    <t>7/22</t>
    <phoneticPr fontId="2"/>
  </si>
  <si>
    <t>9/27</t>
    <phoneticPr fontId="2"/>
  </si>
  <si>
    <t>地区</t>
    <rPh sb="0" eb="2">
      <t>チク</t>
    </rPh>
    <phoneticPr fontId="2"/>
  </si>
  <si>
    <t>年　次
（西暦）</t>
    <rPh sb="0" eb="1">
      <t>トシ</t>
    </rPh>
    <rPh sb="2" eb="3">
      <t>ツギ</t>
    </rPh>
    <rPh sb="5" eb="7">
      <t>セイレキ</t>
    </rPh>
    <phoneticPr fontId="3"/>
  </si>
  <si>
    <t>年　次
（和歴）</t>
    <rPh sb="0" eb="1">
      <t>トシ</t>
    </rPh>
    <rPh sb="2" eb="3">
      <t>ツギ</t>
    </rPh>
    <rPh sb="5" eb="6">
      <t>ワ</t>
    </rPh>
    <rPh sb="6" eb="7">
      <t>レキ</t>
    </rPh>
    <phoneticPr fontId="3"/>
  </si>
  <si>
    <t>平成28年</t>
    <rPh sb="0" eb="2">
      <t>ヘイセイ</t>
    </rPh>
    <phoneticPr fontId="3"/>
  </si>
  <si>
    <t>平成29年</t>
    <rPh sb="0" eb="2">
      <t>ヘイセイ</t>
    </rPh>
    <phoneticPr fontId="3"/>
  </si>
  <si>
    <t>9/23</t>
    <phoneticPr fontId="2"/>
  </si>
  <si>
    <t>8/12</t>
    <phoneticPr fontId="2"/>
  </si>
  <si>
    <t>9/14</t>
    <phoneticPr fontId="2"/>
  </si>
  <si>
    <t>平成30年</t>
    <rPh sb="0" eb="2">
      <t>ヘイセイ</t>
    </rPh>
    <phoneticPr fontId="3"/>
  </si>
  <si>
    <t>最高</t>
    <rPh sb="0" eb="2">
      <t>サイコウ</t>
    </rPh>
    <phoneticPr fontId="3"/>
  </si>
  <si>
    <t>最低</t>
    <rPh sb="0" eb="2">
      <t>サイテイ</t>
    </rPh>
    <phoneticPr fontId="3"/>
  </si>
  <si>
    <t>令和元年</t>
    <rPh sb="0" eb="2">
      <t>レイワ</t>
    </rPh>
    <rPh sb="2" eb="4">
      <t>ガンネン</t>
    </rPh>
    <phoneticPr fontId="3"/>
  </si>
  <si>
    <t>-</t>
  </si>
  <si>
    <t>令和２年</t>
    <rPh sb="0" eb="2">
      <t>レイワ</t>
    </rPh>
    <rPh sb="3" eb="4">
      <t>ネン</t>
    </rPh>
    <phoneticPr fontId="3"/>
  </si>
  <si>
    <t>令和３年</t>
    <rPh sb="0" eb="2">
      <t>レイワ</t>
    </rPh>
    <rPh sb="3" eb="4">
      <t>ネン</t>
    </rPh>
    <phoneticPr fontId="3"/>
  </si>
  <si>
    <t>1803.2】</t>
    <phoneticPr fontId="2"/>
  </si>
  <si>
    <t>1754.1】</t>
    <phoneticPr fontId="2"/>
  </si>
  <si>
    <t>1742.6】</t>
    <phoneticPr fontId="2"/>
  </si>
  <si>
    <t>令和４年</t>
    <rPh sb="0" eb="2">
      <t>レイワ</t>
    </rPh>
    <rPh sb="3" eb="4">
      <t>ネン</t>
    </rPh>
    <phoneticPr fontId="3"/>
  </si>
  <si>
    <t>令和４年
月別値</t>
    <rPh sb="0" eb="2">
      <t>レイワ</t>
    </rPh>
    <rPh sb="3" eb="4">
      <t>ネン</t>
    </rPh>
    <rPh sb="5" eb="6">
      <t>ゲツ</t>
    </rPh>
    <rPh sb="6" eb="7">
      <t>ベツ</t>
    </rPh>
    <rPh sb="7" eb="8">
      <t>チ</t>
    </rPh>
    <phoneticPr fontId="3"/>
  </si>
  <si>
    <t>52.5】</t>
    <phoneticPr fontId="2"/>
  </si>
  <si>
    <t>175.5)</t>
    <phoneticPr fontId="2"/>
  </si>
  <si>
    <t>22.0)</t>
    <phoneticPr fontId="2"/>
  </si>
  <si>
    <t>5.5)</t>
    <phoneticPr fontId="2"/>
  </si>
  <si>
    <t>4/1・4/13</t>
    <phoneticPr fontId="2"/>
  </si>
  <si>
    <t>4/1・4/18</t>
    <phoneticPr fontId="2"/>
  </si>
  <si>
    <t>-5.2）</t>
    <phoneticPr fontId="2"/>
  </si>
  <si>
    <t>1/15・1/17</t>
    <phoneticPr fontId="2"/>
  </si>
  <si>
    <t>4.6)</t>
    <phoneticPr fontId="2"/>
  </si>
  <si>
    <t>81.5】</t>
    <phoneticPr fontId="2"/>
  </si>
  <si>
    <t>19.5）</t>
    <phoneticPr fontId="2"/>
  </si>
  <si>
    <t xml:space="preserve"> 5.5】</t>
    <phoneticPr fontId="2"/>
  </si>
  <si>
    <t>3.8)</t>
    <phoneticPr fontId="2"/>
  </si>
  <si>
    <t>7/7・7/30</t>
    <phoneticPr fontId="2"/>
  </si>
  <si>
    <t>0)</t>
    <phoneticPr fontId="2"/>
  </si>
  <si>
    <t>-</t>
    <phoneticPr fontId="2"/>
  </si>
  <si>
    <t>5.2)</t>
    <phoneticPr fontId="2"/>
  </si>
  <si>
    <t>3/21・3/27</t>
    <phoneticPr fontId="2"/>
  </si>
  <si>
    <t>-</t>
    <phoneticPr fontId="2"/>
  </si>
  <si>
    <t>5/27・5/28</t>
    <phoneticPr fontId="2"/>
  </si>
  <si>
    <t>1/14・1/27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m/d;@"/>
    <numFmt numFmtId="177" formatCode="#,##0.0_ "/>
  </numFmts>
  <fonts count="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b/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2">
    <border>
      <left/>
      <right/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/>
      <right/>
      <top style="medium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01">
    <xf numFmtId="0" fontId="0" fillId="0" borderId="0" xfId="0"/>
    <xf numFmtId="0" fontId="0" fillId="0" borderId="0" xfId="0" applyFill="1" applyBorder="1"/>
    <xf numFmtId="0" fontId="4" fillId="0" borderId="18" xfId="0" applyFont="1" applyBorder="1" applyAlignment="1">
      <alignment vertical="center" wrapText="1"/>
    </xf>
    <xf numFmtId="0" fontId="4" fillId="0" borderId="19" xfId="0" applyFont="1" applyBorder="1" applyAlignment="1">
      <alignment horizontal="center" vertical="center" wrapText="1"/>
    </xf>
    <xf numFmtId="0" fontId="4" fillId="0" borderId="0" xfId="0" applyFont="1"/>
    <xf numFmtId="0" fontId="4" fillId="0" borderId="20" xfId="0" applyFont="1" applyBorder="1" applyAlignment="1">
      <alignment horizontal="left" vertical="center"/>
    </xf>
    <xf numFmtId="0" fontId="4" fillId="0" borderId="21" xfId="0" applyFont="1" applyBorder="1" applyAlignment="1">
      <alignment horizontal="center" vertical="center" shrinkToFit="1"/>
    </xf>
    <xf numFmtId="0" fontId="5" fillId="0" borderId="24" xfId="0" applyFont="1" applyFill="1" applyBorder="1" applyAlignment="1">
      <alignment horizontal="center" vertical="center"/>
    </xf>
    <xf numFmtId="0" fontId="5" fillId="0" borderId="20" xfId="0" applyFont="1" applyFill="1" applyBorder="1" applyAlignment="1">
      <alignment horizontal="center" vertical="center"/>
    </xf>
    <xf numFmtId="0" fontId="6" fillId="0" borderId="0" xfId="0" applyFont="1" applyBorder="1"/>
    <xf numFmtId="0" fontId="6" fillId="0" borderId="0" xfId="0" applyFont="1"/>
    <xf numFmtId="0" fontId="5" fillId="0" borderId="23" xfId="0" applyFont="1" applyFill="1" applyBorder="1" applyAlignment="1">
      <alignment horizontal="center" vertical="center"/>
    </xf>
    <xf numFmtId="0" fontId="0" fillId="0" borderId="0" xfId="0" applyAlignment="1">
      <alignment shrinkToFit="1"/>
    </xf>
    <xf numFmtId="0" fontId="0" fillId="0" borderId="0" xfId="0" applyAlignment="1"/>
    <xf numFmtId="0" fontId="4" fillId="0" borderId="39" xfId="0" applyFont="1" applyBorder="1" applyAlignment="1">
      <alignment horizontal="center" vertical="center" shrinkToFit="1"/>
    </xf>
    <xf numFmtId="0" fontId="4" fillId="0" borderId="40" xfId="0" applyFont="1" applyBorder="1" applyAlignment="1">
      <alignment horizontal="center" vertical="center" shrinkToFit="1"/>
    </xf>
    <xf numFmtId="0" fontId="4" fillId="0" borderId="41" xfId="0" applyFont="1" applyBorder="1" applyAlignment="1">
      <alignment horizontal="center" vertical="center" shrinkToFit="1"/>
    </xf>
    <xf numFmtId="0" fontId="4" fillId="0" borderId="42" xfId="0" applyFont="1" applyBorder="1" applyAlignment="1">
      <alignment horizontal="center" vertical="center" shrinkToFit="1"/>
    </xf>
    <xf numFmtId="177" fontId="4" fillId="0" borderId="13" xfId="0" applyNumberFormat="1" applyFont="1" applyFill="1" applyBorder="1" applyAlignment="1">
      <alignment horizontal="right" vertical="center" shrinkToFit="1"/>
    </xf>
    <xf numFmtId="177" fontId="4" fillId="0" borderId="14" xfId="0" applyNumberFormat="1" applyFont="1" applyFill="1" applyBorder="1" applyAlignment="1">
      <alignment horizontal="right" vertical="center" shrinkToFit="1"/>
    </xf>
    <xf numFmtId="177" fontId="4" fillId="0" borderId="24" xfId="1" applyNumberFormat="1" applyFont="1" applyFill="1" applyBorder="1" applyAlignment="1">
      <alignment horizontal="right" vertical="center" shrinkToFit="1"/>
    </xf>
    <xf numFmtId="177" fontId="4" fillId="0" borderId="13" xfId="1" applyNumberFormat="1" applyFont="1" applyFill="1" applyBorder="1" applyAlignment="1">
      <alignment horizontal="right" vertical="center" shrinkToFit="1"/>
    </xf>
    <xf numFmtId="177" fontId="4" fillId="0" borderId="24" xfId="0" applyNumberFormat="1" applyFont="1" applyFill="1" applyBorder="1" applyAlignment="1">
      <alignment horizontal="right" vertical="center" shrinkToFit="1"/>
    </xf>
    <xf numFmtId="177" fontId="4" fillId="0" borderId="26" xfId="0" applyNumberFormat="1" applyFont="1" applyFill="1" applyBorder="1" applyAlignment="1">
      <alignment horizontal="right" vertical="center" shrinkToFit="1"/>
    </xf>
    <xf numFmtId="177" fontId="4" fillId="0" borderId="28" xfId="0" applyNumberFormat="1" applyFont="1" applyFill="1" applyBorder="1" applyAlignment="1">
      <alignment horizontal="right" vertical="center" shrinkToFit="1"/>
    </xf>
    <xf numFmtId="177" fontId="4" fillId="0" borderId="29" xfId="0" applyNumberFormat="1" applyFont="1" applyFill="1" applyBorder="1" applyAlignment="1">
      <alignment horizontal="right" vertical="center" shrinkToFit="1"/>
    </xf>
    <xf numFmtId="177" fontId="4" fillId="0" borderId="20" xfId="1" applyNumberFormat="1" applyFont="1" applyFill="1" applyBorder="1" applyAlignment="1">
      <alignment horizontal="right" vertical="center" shrinkToFit="1"/>
    </xf>
    <xf numFmtId="177" fontId="4" fillId="0" borderId="28" xfId="1" applyNumberFormat="1" applyFont="1" applyFill="1" applyBorder="1" applyAlignment="1">
      <alignment horizontal="right" vertical="center" shrinkToFit="1"/>
    </xf>
    <xf numFmtId="177" fontId="4" fillId="0" borderId="20" xfId="0" applyNumberFormat="1" applyFont="1" applyFill="1" applyBorder="1" applyAlignment="1">
      <alignment horizontal="right" vertical="center" shrinkToFit="1"/>
    </xf>
    <xf numFmtId="177" fontId="4" fillId="0" borderId="31" xfId="0" applyNumberFormat="1" applyFont="1" applyFill="1" applyBorder="1" applyAlignment="1">
      <alignment horizontal="right" vertical="center" shrinkToFit="1"/>
    </xf>
    <xf numFmtId="177" fontId="4" fillId="0" borderId="32" xfId="0" applyNumberFormat="1" applyFont="1" applyFill="1" applyBorder="1" applyAlignment="1">
      <alignment horizontal="right" vertical="center" shrinkToFit="1"/>
    </xf>
    <xf numFmtId="177" fontId="4" fillId="0" borderId="33" xfId="0" applyNumberFormat="1" applyFont="1" applyFill="1" applyBorder="1" applyAlignment="1">
      <alignment horizontal="right" vertical="center" shrinkToFit="1"/>
    </xf>
    <xf numFmtId="177" fontId="4" fillId="0" borderId="23" xfId="1" applyNumberFormat="1" applyFont="1" applyFill="1" applyBorder="1" applyAlignment="1">
      <alignment horizontal="right" vertical="center" shrinkToFit="1"/>
    </xf>
    <xf numFmtId="177" fontId="4" fillId="0" borderId="32" xfId="1" applyNumberFormat="1" applyFont="1" applyFill="1" applyBorder="1" applyAlignment="1">
      <alignment horizontal="right" vertical="center" shrinkToFit="1"/>
    </xf>
    <xf numFmtId="177" fontId="4" fillId="0" borderId="23" xfId="0" applyNumberFormat="1" applyFont="1" applyFill="1" applyBorder="1" applyAlignment="1">
      <alignment horizontal="right" vertical="center" shrinkToFit="1"/>
    </xf>
    <xf numFmtId="177" fontId="4" fillId="0" borderId="35" xfId="0" applyNumberFormat="1" applyFont="1" applyFill="1" applyBorder="1" applyAlignment="1">
      <alignment horizontal="right" vertical="center" shrinkToFit="1"/>
    </xf>
    <xf numFmtId="177" fontId="4" fillId="0" borderId="0" xfId="0" applyNumberFormat="1" applyFont="1" applyFill="1" applyBorder="1" applyAlignment="1">
      <alignment horizontal="right" vertical="center" shrinkToFit="1"/>
    </xf>
    <xf numFmtId="177" fontId="4" fillId="0" borderId="6" xfId="0" applyNumberFormat="1" applyFont="1" applyFill="1" applyBorder="1" applyAlignment="1">
      <alignment horizontal="right" shrinkToFit="1"/>
    </xf>
    <xf numFmtId="177" fontId="4" fillId="0" borderId="0" xfId="0" applyNumberFormat="1" applyFont="1" applyFill="1" applyBorder="1" applyAlignment="1">
      <alignment horizontal="right" shrinkToFit="1"/>
    </xf>
    <xf numFmtId="176" fontId="4" fillId="0" borderId="14" xfId="0" applyNumberFormat="1" applyFont="1" applyFill="1" applyBorder="1" applyAlignment="1">
      <alignment horizontal="right" vertical="center" shrinkToFit="1"/>
    </xf>
    <xf numFmtId="176" fontId="4" fillId="0" borderId="29" xfId="0" applyNumberFormat="1" applyFont="1" applyFill="1" applyBorder="1" applyAlignment="1">
      <alignment horizontal="right" vertical="center" shrinkToFit="1"/>
    </xf>
    <xf numFmtId="176" fontId="4" fillId="0" borderId="33" xfId="0" applyNumberFormat="1" applyFont="1" applyFill="1" applyBorder="1" applyAlignment="1">
      <alignment horizontal="right" vertical="center" shrinkToFit="1"/>
    </xf>
    <xf numFmtId="176" fontId="4" fillId="0" borderId="25" xfId="0" applyNumberFormat="1" applyFont="1" applyFill="1" applyBorder="1" applyAlignment="1">
      <alignment horizontal="right" vertical="center" shrinkToFit="1"/>
    </xf>
    <xf numFmtId="176" fontId="4" fillId="0" borderId="30" xfId="0" applyNumberFormat="1" applyFont="1" applyFill="1" applyBorder="1" applyAlignment="1">
      <alignment horizontal="right" vertical="center" shrinkToFit="1"/>
    </xf>
    <xf numFmtId="176" fontId="4" fillId="0" borderId="34" xfId="0" applyNumberFormat="1" applyFont="1" applyFill="1" applyBorder="1" applyAlignment="1">
      <alignment horizontal="right" vertical="center" shrinkToFit="1"/>
    </xf>
    <xf numFmtId="176" fontId="4" fillId="0" borderId="17" xfId="0" applyNumberFormat="1" applyFont="1" applyFill="1" applyBorder="1" applyAlignment="1">
      <alignment horizontal="right" vertical="center" shrinkToFit="1"/>
    </xf>
    <xf numFmtId="176" fontId="4" fillId="0" borderId="37" xfId="0" applyNumberFormat="1" applyFont="1" applyFill="1" applyBorder="1" applyAlignment="1">
      <alignment horizontal="right" vertical="center" shrinkToFit="1"/>
    </xf>
    <xf numFmtId="0" fontId="5" fillId="0" borderId="36" xfId="0" applyFont="1" applyFill="1" applyBorder="1" applyAlignment="1">
      <alignment horizontal="center" vertical="center"/>
    </xf>
    <xf numFmtId="177" fontId="4" fillId="0" borderId="16" xfId="0" applyNumberFormat="1" applyFont="1" applyFill="1" applyBorder="1" applyAlignment="1">
      <alignment horizontal="right" vertical="center" shrinkToFit="1"/>
    </xf>
    <xf numFmtId="177" fontId="4" fillId="0" borderId="17" xfId="0" applyNumberFormat="1" applyFont="1" applyFill="1" applyBorder="1" applyAlignment="1">
      <alignment horizontal="right" vertical="center" shrinkToFit="1"/>
    </xf>
    <xf numFmtId="177" fontId="4" fillId="0" borderId="36" xfId="1" applyNumberFormat="1" applyFont="1" applyFill="1" applyBorder="1" applyAlignment="1">
      <alignment horizontal="right" vertical="center" shrinkToFit="1"/>
    </xf>
    <xf numFmtId="177" fontId="4" fillId="0" borderId="16" xfId="1" applyNumberFormat="1" applyFont="1" applyFill="1" applyBorder="1" applyAlignment="1">
      <alignment horizontal="right" vertical="center" shrinkToFit="1"/>
    </xf>
    <xf numFmtId="177" fontId="4" fillId="0" borderId="36" xfId="0" applyNumberFormat="1" applyFont="1" applyFill="1" applyBorder="1" applyAlignment="1">
      <alignment horizontal="right" vertical="center" shrinkToFit="1"/>
    </xf>
    <xf numFmtId="177" fontId="4" fillId="0" borderId="38" xfId="0" applyNumberFormat="1" applyFont="1" applyFill="1" applyBorder="1" applyAlignment="1">
      <alignment horizontal="right" vertical="center" shrinkToFit="1"/>
    </xf>
    <xf numFmtId="0" fontId="4" fillId="0" borderId="18" xfId="0" applyFont="1" applyBorder="1" applyAlignment="1">
      <alignment vertical="center"/>
    </xf>
    <xf numFmtId="0" fontId="4" fillId="0" borderId="20" xfId="0" applyFont="1" applyBorder="1" applyAlignment="1">
      <alignment horizontal="center" vertical="center" shrinkToFit="1"/>
    </xf>
    <xf numFmtId="0" fontId="4" fillId="0" borderId="0" xfId="0" applyFont="1" applyFill="1"/>
    <xf numFmtId="0" fontId="4" fillId="0" borderId="0" xfId="0" applyFont="1" applyFill="1" applyBorder="1"/>
    <xf numFmtId="0" fontId="0" fillId="0" borderId="0" xfId="0" applyFill="1"/>
    <xf numFmtId="177" fontId="4" fillId="0" borderId="6" xfId="0" applyNumberFormat="1" applyFont="1" applyFill="1" applyBorder="1" applyAlignment="1">
      <alignment horizontal="right" vertical="center" shrinkToFit="1"/>
    </xf>
    <xf numFmtId="0" fontId="0" fillId="0" borderId="0" xfId="0" applyFill="1" applyAlignment="1">
      <alignment vertical="center"/>
    </xf>
    <xf numFmtId="0" fontId="0" fillId="0" borderId="0" xfId="0" applyFill="1" applyAlignment="1">
      <alignment shrinkToFit="1"/>
    </xf>
    <xf numFmtId="177" fontId="4" fillId="0" borderId="47" xfId="0" applyNumberFormat="1" applyFont="1" applyFill="1" applyBorder="1" applyAlignment="1">
      <alignment horizontal="right" vertical="center" shrinkToFit="1"/>
    </xf>
    <xf numFmtId="177" fontId="4" fillId="0" borderId="33" xfId="0" quotePrefix="1" applyNumberFormat="1" applyFont="1" applyFill="1" applyBorder="1" applyAlignment="1">
      <alignment horizontal="right" vertical="center" shrinkToFit="1"/>
    </xf>
    <xf numFmtId="177" fontId="4" fillId="0" borderId="29" xfId="0" quotePrefix="1" applyNumberFormat="1" applyFont="1" applyFill="1" applyBorder="1" applyAlignment="1">
      <alignment horizontal="right" vertical="center" shrinkToFit="1"/>
    </xf>
    <xf numFmtId="177" fontId="4" fillId="0" borderId="48" xfId="0" applyNumberFormat="1" applyFont="1" applyFill="1" applyBorder="1" applyAlignment="1">
      <alignment horizontal="right" vertical="center" shrinkToFit="1"/>
    </xf>
    <xf numFmtId="177" fontId="4" fillId="0" borderId="21" xfId="0" applyNumberFormat="1" applyFont="1" applyFill="1" applyBorder="1" applyAlignment="1">
      <alignment horizontal="right" vertical="center" shrinkToFit="1"/>
    </xf>
    <xf numFmtId="177" fontId="4" fillId="0" borderId="14" xfId="0" quotePrefix="1" applyNumberFormat="1" applyFont="1" applyFill="1" applyBorder="1" applyAlignment="1">
      <alignment horizontal="right" vertical="center" shrinkToFit="1"/>
    </xf>
    <xf numFmtId="177" fontId="4" fillId="0" borderId="49" xfId="1" applyNumberFormat="1" applyFont="1" applyFill="1" applyBorder="1" applyAlignment="1">
      <alignment horizontal="right" vertical="center" shrinkToFit="1"/>
    </xf>
    <xf numFmtId="176" fontId="4" fillId="0" borderId="50" xfId="0" applyNumberFormat="1" applyFont="1" applyFill="1" applyBorder="1" applyAlignment="1">
      <alignment horizontal="right" vertical="center" shrinkToFit="1"/>
    </xf>
    <xf numFmtId="177" fontId="4" fillId="0" borderId="14" xfId="1" applyNumberFormat="1" applyFont="1" applyFill="1" applyBorder="1" applyAlignment="1">
      <alignment horizontal="right" vertical="center" shrinkToFit="1"/>
    </xf>
    <xf numFmtId="177" fontId="4" fillId="0" borderId="26" xfId="0" quotePrefix="1" applyNumberFormat="1" applyFont="1" applyFill="1" applyBorder="1" applyAlignment="1">
      <alignment horizontal="right" vertical="center" shrinkToFit="1"/>
    </xf>
    <xf numFmtId="0" fontId="4" fillId="0" borderId="23" xfId="0" applyFont="1" applyFill="1" applyBorder="1" applyAlignment="1">
      <alignment horizontal="center" vertical="center" shrinkToFit="1"/>
    </xf>
    <xf numFmtId="0" fontId="4" fillId="0" borderId="24" xfId="0" applyFont="1" applyFill="1" applyBorder="1" applyAlignment="1">
      <alignment horizontal="center" vertical="center" shrinkToFit="1"/>
    </xf>
    <xf numFmtId="0" fontId="4" fillId="0" borderId="20" xfId="0" applyFont="1" applyFill="1" applyBorder="1" applyAlignment="1">
      <alignment horizontal="center" vertical="center" shrinkToFit="1"/>
    </xf>
    <xf numFmtId="0" fontId="4" fillId="0" borderId="44" xfId="0" applyFont="1" applyFill="1" applyBorder="1" applyAlignment="1">
      <alignment horizontal="center" vertical="center" shrinkToFit="1"/>
    </xf>
    <xf numFmtId="0" fontId="4" fillId="0" borderId="45" xfId="0" applyFont="1" applyFill="1" applyBorder="1" applyAlignment="1">
      <alignment horizontal="center" vertical="center" shrinkToFit="1"/>
    </xf>
    <xf numFmtId="0" fontId="4" fillId="0" borderId="46" xfId="0" applyFont="1" applyFill="1" applyBorder="1" applyAlignment="1">
      <alignment horizontal="center" vertical="center" shrinkToFit="1"/>
    </xf>
    <xf numFmtId="0" fontId="4" fillId="0" borderId="1" xfId="0" applyFont="1" applyBorder="1" applyAlignment="1">
      <alignment vertical="center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4" fillId="0" borderId="12" xfId="0" applyFont="1" applyBorder="1" applyAlignment="1">
      <alignment horizontal="center" vertical="center" wrapText="1"/>
    </xf>
    <xf numFmtId="0" fontId="4" fillId="0" borderId="43" xfId="0" applyFont="1" applyBorder="1" applyAlignment="1">
      <alignment horizontal="center" vertical="center" wrapText="1"/>
    </xf>
    <xf numFmtId="0" fontId="4" fillId="0" borderId="27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4" fillId="0" borderId="22" xfId="0" applyFont="1" applyFill="1" applyBorder="1" applyAlignment="1">
      <alignment horizontal="center" vertical="center" shrinkToFit="1"/>
    </xf>
    <xf numFmtId="0" fontId="4" fillId="0" borderId="4" xfId="0" applyFont="1" applyFill="1" applyBorder="1" applyAlignment="1">
      <alignment horizontal="center" vertical="center" shrinkToFit="1"/>
    </xf>
    <xf numFmtId="0" fontId="4" fillId="0" borderId="10" xfId="0" applyFont="1" applyFill="1" applyBorder="1" applyAlignment="1">
      <alignment horizontal="center" vertical="center" shrinkToFit="1"/>
    </xf>
    <xf numFmtId="0" fontId="4" fillId="0" borderId="5" xfId="0" applyFont="1" applyFill="1" applyBorder="1" applyAlignment="1">
      <alignment horizontal="center" vertical="center" shrinkToFit="1"/>
    </xf>
    <xf numFmtId="0" fontId="4" fillId="0" borderId="27" xfId="0" applyFont="1" applyFill="1" applyBorder="1" applyAlignment="1">
      <alignment horizontal="center" vertical="center" shrinkToFit="1"/>
    </xf>
    <xf numFmtId="0" fontId="4" fillId="0" borderId="7" xfId="0" applyFont="1" applyFill="1" applyBorder="1" applyAlignment="1">
      <alignment horizontal="center" vertical="center" shrinkToFit="1"/>
    </xf>
    <xf numFmtId="0" fontId="4" fillId="0" borderId="18" xfId="0" applyFont="1" applyBorder="1" applyAlignment="1">
      <alignment horizontal="center" vertical="center" wrapText="1"/>
    </xf>
    <xf numFmtId="0" fontId="4" fillId="0" borderId="20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 shrinkToFit="1"/>
    </xf>
    <xf numFmtId="0" fontId="2" fillId="0" borderId="9" xfId="0" applyFont="1" applyBorder="1" applyAlignment="1">
      <alignment vertical="center" wrapText="1" shrinkToFit="1"/>
    </xf>
    <xf numFmtId="0" fontId="2" fillId="0" borderId="18" xfId="0" applyFont="1" applyBorder="1" applyAlignment="1">
      <alignment horizontal="center" vertical="center" wrapText="1" shrinkToFit="1"/>
    </xf>
    <xf numFmtId="0" fontId="2" fillId="0" borderId="20" xfId="0" applyFont="1" applyBorder="1" applyAlignment="1">
      <alignment horizontal="center" vertical="center" wrapText="1" shrinkToFit="1"/>
    </xf>
    <xf numFmtId="0" fontId="4" fillId="0" borderId="11" xfId="0" applyFont="1" applyFill="1" applyBorder="1" applyAlignment="1">
      <alignment horizontal="center" vertical="center" shrinkToFit="1"/>
    </xf>
    <xf numFmtId="0" fontId="4" fillId="0" borderId="15" xfId="0" applyFont="1" applyFill="1" applyBorder="1" applyAlignment="1">
      <alignment horizontal="center" vertical="center" shrinkToFit="1"/>
    </xf>
    <xf numFmtId="0" fontId="4" fillId="0" borderId="36" xfId="0" applyFont="1" applyFill="1" applyBorder="1" applyAlignment="1">
      <alignment horizontal="center" vertical="center" shrinkToFit="1"/>
    </xf>
    <xf numFmtId="0" fontId="0" fillId="0" borderId="51" xfId="0" applyFill="1" applyBorder="1"/>
  </cellXfs>
  <cellStyles count="2">
    <cellStyle name="桁区切り 2" xfId="1" xr:uid="{00000000-0005-0000-0000-000001000000}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5">
    <tabColor theme="0"/>
  </sheetPr>
  <dimension ref="A1:Q96"/>
  <sheetViews>
    <sheetView tabSelected="1" view="pageBreakPreview" topLeftCell="A44" zoomScale="145" zoomScaleNormal="100" zoomScaleSheetLayoutView="145" workbookViewId="0">
      <selection activeCell="R53" sqref="R53"/>
    </sheetView>
  </sheetViews>
  <sheetFormatPr defaultRowHeight="13.2" x14ac:dyDescent="0.2"/>
  <cols>
    <col min="1" max="2" width="6.33203125" style="12" customWidth="1"/>
    <col min="3" max="3" width="5" customWidth="1"/>
    <col min="4" max="8" width="5.44140625" customWidth="1"/>
    <col min="9" max="9" width="8.44140625" customWidth="1"/>
    <col min="10" max="10" width="7.21875" customWidth="1"/>
    <col min="11" max="14" width="5.44140625" customWidth="1"/>
    <col min="15" max="15" width="5.6640625" customWidth="1"/>
    <col min="16" max="16" width="4.88671875" customWidth="1"/>
  </cols>
  <sheetData>
    <row r="1" spans="1:17" s="4" customFormat="1" ht="45" customHeight="1" x14ac:dyDescent="0.15">
      <c r="A1" s="93" t="s">
        <v>79</v>
      </c>
      <c r="B1" s="95" t="s">
        <v>80</v>
      </c>
      <c r="C1" s="91" t="s">
        <v>78</v>
      </c>
      <c r="D1" s="78" t="s">
        <v>0</v>
      </c>
      <c r="E1" s="78"/>
      <c r="F1" s="78"/>
      <c r="G1" s="78"/>
      <c r="H1" s="79"/>
      <c r="I1" s="54" t="s">
        <v>1</v>
      </c>
      <c r="J1" s="80" t="s">
        <v>2</v>
      </c>
      <c r="K1" s="80"/>
      <c r="L1" s="80"/>
      <c r="M1" s="80"/>
      <c r="N1" s="80"/>
      <c r="O1" s="2" t="s">
        <v>3</v>
      </c>
      <c r="P1" s="3" t="s">
        <v>4</v>
      </c>
    </row>
    <row r="2" spans="1:17" s="4" customFormat="1" ht="23.25" customHeight="1" x14ac:dyDescent="0.15">
      <c r="A2" s="94"/>
      <c r="B2" s="96"/>
      <c r="C2" s="92"/>
      <c r="D2" s="17" t="s">
        <v>5</v>
      </c>
      <c r="E2" s="15" t="s">
        <v>87</v>
      </c>
      <c r="F2" s="15" t="s">
        <v>7</v>
      </c>
      <c r="G2" s="15" t="s">
        <v>88</v>
      </c>
      <c r="H2" s="16" t="s">
        <v>9</v>
      </c>
      <c r="I2" s="55" t="s">
        <v>10</v>
      </c>
      <c r="J2" s="14" t="s">
        <v>11</v>
      </c>
      <c r="K2" s="15" t="s">
        <v>12</v>
      </c>
      <c r="L2" s="15" t="s">
        <v>13</v>
      </c>
      <c r="M2" s="15" t="s">
        <v>14</v>
      </c>
      <c r="N2" s="16" t="s">
        <v>13</v>
      </c>
      <c r="O2" s="5" t="s">
        <v>15</v>
      </c>
      <c r="P2" s="6" t="s">
        <v>16</v>
      </c>
    </row>
    <row r="3" spans="1:17" s="4" customFormat="1" ht="12.9" customHeight="1" x14ac:dyDescent="0.15">
      <c r="A3" s="75">
        <v>2007</v>
      </c>
      <c r="B3" s="72" t="s">
        <v>20</v>
      </c>
      <c r="C3" s="7" t="s">
        <v>17</v>
      </c>
      <c r="D3" s="18">
        <v>8.3000000000000007</v>
      </c>
      <c r="E3" s="19">
        <v>32.799999999999997</v>
      </c>
      <c r="F3" s="39">
        <v>41499</v>
      </c>
      <c r="G3" s="19">
        <v>-14.7</v>
      </c>
      <c r="H3" s="42">
        <v>41319</v>
      </c>
      <c r="I3" s="20">
        <v>1783</v>
      </c>
      <c r="J3" s="21">
        <v>822</v>
      </c>
      <c r="K3" s="19">
        <v>42</v>
      </c>
      <c r="L3" s="39">
        <v>1.1428571428571428</v>
      </c>
      <c r="M3" s="19">
        <v>31</v>
      </c>
      <c r="N3" s="42" t="s">
        <v>41</v>
      </c>
      <c r="O3" s="22">
        <v>555</v>
      </c>
      <c r="P3" s="23">
        <v>2.6</v>
      </c>
    </row>
    <row r="4" spans="1:17" s="4" customFormat="1" ht="12.9" customHeight="1" x14ac:dyDescent="0.15">
      <c r="A4" s="76"/>
      <c r="B4" s="73"/>
      <c r="C4" s="7" t="s">
        <v>18</v>
      </c>
      <c r="D4" s="18">
        <v>8.1999999999999993</v>
      </c>
      <c r="E4" s="19">
        <v>32.200000000000003</v>
      </c>
      <c r="F4" s="39">
        <v>41498</v>
      </c>
      <c r="G4" s="19">
        <v>-14.6</v>
      </c>
      <c r="H4" s="42">
        <v>41300</v>
      </c>
      <c r="I4" s="20">
        <v>1470.7</v>
      </c>
      <c r="J4" s="21">
        <v>884</v>
      </c>
      <c r="K4" s="19">
        <v>48</v>
      </c>
      <c r="L4" s="39" t="s">
        <v>42</v>
      </c>
      <c r="M4" s="19">
        <v>27</v>
      </c>
      <c r="N4" s="42" t="s">
        <v>42</v>
      </c>
      <c r="O4" s="22">
        <v>591</v>
      </c>
      <c r="P4" s="23">
        <v>3.4</v>
      </c>
    </row>
    <row r="5" spans="1:17" s="4" customFormat="1" ht="12.9" customHeight="1" x14ac:dyDescent="0.15">
      <c r="A5" s="77"/>
      <c r="B5" s="74"/>
      <c r="C5" s="8" t="s">
        <v>19</v>
      </c>
      <c r="D5" s="24">
        <v>8.5</v>
      </c>
      <c r="E5" s="25">
        <v>31.1</v>
      </c>
      <c r="F5" s="40">
        <v>41498</v>
      </c>
      <c r="G5" s="25">
        <v>-13.4</v>
      </c>
      <c r="H5" s="43">
        <v>41300</v>
      </c>
      <c r="I5" s="26">
        <v>1645.2</v>
      </c>
      <c r="J5" s="27">
        <v>970</v>
      </c>
      <c r="K5" s="25">
        <v>42</v>
      </c>
      <c r="L5" s="40" t="s">
        <v>43</v>
      </c>
      <c r="M5" s="25">
        <v>17</v>
      </c>
      <c r="N5" s="43" t="s">
        <v>41</v>
      </c>
      <c r="O5" s="28" t="s">
        <v>40</v>
      </c>
      <c r="P5" s="29">
        <v>3.8</v>
      </c>
    </row>
    <row r="6" spans="1:17" s="4" customFormat="1" ht="12.9" customHeight="1" x14ac:dyDescent="0.15">
      <c r="A6" s="75">
        <v>2008</v>
      </c>
      <c r="B6" s="72" t="s">
        <v>21</v>
      </c>
      <c r="C6" s="7" t="s">
        <v>17</v>
      </c>
      <c r="D6" s="18">
        <v>8.3000000000000007</v>
      </c>
      <c r="E6" s="19">
        <v>31.6</v>
      </c>
      <c r="F6" s="39">
        <v>41461</v>
      </c>
      <c r="G6" s="19">
        <v>-19.7</v>
      </c>
      <c r="H6" s="42">
        <v>41291</v>
      </c>
      <c r="I6" s="20">
        <v>1770.1</v>
      </c>
      <c r="J6" s="21">
        <v>651</v>
      </c>
      <c r="K6" s="19">
        <v>23</v>
      </c>
      <c r="L6" s="39" t="s">
        <v>44</v>
      </c>
      <c r="M6" s="19">
        <v>11.5</v>
      </c>
      <c r="N6" s="42" t="s">
        <v>45</v>
      </c>
      <c r="O6" s="22">
        <v>563</v>
      </c>
      <c r="P6" s="23">
        <v>2.5</v>
      </c>
    </row>
    <row r="7" spans="1:17" s="4" customFormat="1" ht="12.9" customHeight="1" x14ac:dyDescent="0.15">
      <c r="A7" s="76"/>
      <c r="B7" s="73"/>
      <c r="C7" s="7" t="s">
        <v>18</v>
      </c>
      <c r="D7" s="18">
        <v>8.1</v>
      </c>
      <c r="E7" s="19">
        <v>31.3</v>
      </c>
      <c r="F7" s="39">
        <v>41461</v>
      </c>
      <c r="G7" s="19">
        <v>-20.3</v>
      </c>
      <c r="H7" s="42">
        <v>41330</v>
      </c>
      <c r="I7" s="20">
        <v>1546.1</v>
      </c>
      <c r="J7" s="21">
        <v>832.5</v>
      </c>
      <c r="K7" s="19">
        <v>32.5</v>
      </c>
      <c r="L7" s="39" t="s">
        <v>46</v>
      </c>
      <c r="M7" s="19">
        <v>21</v>
      </c>
      <c r="N7" s="42" t="s">
        <v>45</v>
      </c>
      <c r="O7" s="22">
        <v>636</v>
      </c>
      <c r="P7" s="23">
        <v>3.5</v>
      </c>
    </row>
    <row r="8" spans="1:17" s="4" customFormat="1" ht="12.9" customHeight="1" x14ac:dyDescent="0.15">
      <c r="A8" s="77"/>
      <c r="B8" s="74"/>
      <c r="C8" s="8" t="s">
        <v>19</v>
      </c>
      <c r="D8" s="24">
        <v>8.5</v>
      </c>
      <c r="E8" s="25">
        <v>32</v>
      </c>
      <c r="F8" s="40">
        <v>41461</v>
      </c>
      <c r="G8" s="25">
        <v>-18.2</v>
      </c>
      <c r="H8" s="43">
        <v>41330</v>
      </c>
      <c r="I8" s="26">
        <v>1625.1</v>
      </c>
      <c r="J8" s="27">
        <v>1019</v>
      </c>
      <c r="K8" s="25">
        <v>39.5</v>
      </c>
      <c r="L8" s="40" t="s">
        <v>46</v>
      </c>
      <c r="M8" s="25">
        <v>19.5</v>
      </c>
      <c r="N8" s="43" t="s">
        <v>47</v>
      </c>
      <c r="O8" s="28" t="s">
        <v>40</v>
      </c>
      <c r="P8" s="29">
        <v>3.7</v>
      </c>
    </row>
    <row r="9" spans="1:17" s="4" customFormat="1" ht="12.9" customHeight="1" x14ac:dyDescent="0.15">
      <c r="A9" s="75">
        <v>2009</v>
      </c>
      <c r="B9" s="72" t="s">
        <v>22</v>
      </c>
      <c r="C9" s="7" t="s">
        <v>17</v>
      </c>
      <c r="D9" s="18">
        <v>8</v>
      </c>
      <c r="E9" s="19">
        <v>29.5</v>
      </c>
      <c r="F9" s="39">
        <v>41496</v>
      </c>
      <c r="G9" s="19">
        <v>-14</v>
      </c>
      <c r="H9" s="42">
        <v>41634</v>
      </c>
      <c r="I9" s="20">
        <v>1592.5</v>
      </c>
      <c r="J9" s="21">
        <v>880</v>
      </c>
      <c r="K9" s="19">
        <v>63</v>
      </c>
      <c r="L9" s="39" t="s">
        <v>48</v>
      </c>
      <c r="M9" s="19">
        <v>8.5</v>
      </c>
      <c r="N9" s="42" t="s">
        <v>49</v>
      </c>
      <c r="O9" s="22">
        <v>492</v>
      </c>
      <c r="P9" s="23">
        <v>2.5</v>
      </c>
    </row>
    <row r="10" spans="1:17" s="4" customFormat="1" ht="12.9" customHeight="1" x14ac:dyDescent="0.15">
      <c r="A10" s="76"/>
      <c r="B10" s="73"/>
      <c r="C10" s="7" t="s">
        <v>18</v>
      </c>
      <c r="D10" s="18">
        <v>8.1</v>
      </c>
      <c r="E10" s="19">
        <v>28.8</v>
      </c>
      <c r="F10" s="39">
        <v>41415</v>
      </c>
      <c r="G10" s="19">
        <v>-13.6</v>
      </c>
      <c r="H10" s="42">
        <v>41322</v>
      </c>
      <c r="I10" s="20">
        <v>1506.7</v>
      </c>
      <c r="J10" s="21">
        <v>1177.5</v>
      </c>
      <c r="K10" s="19">
        <v>50</v>
      </c>
      <c r="L10" s="39" t="s">
        <v>48</v>
      </c>
      <c r="M10" s="19">
        <v>19</v>
      </c>
      <c r="N10" s="42" t="s">
        <v>50</v>
      </c>
      <c r="O10" s="22">
        <v>475</v>
      </c>
      <c r="P10" s="23">
        <v>3.4</v>
      </c>
    </row>
    <row r="11" spans="1:17" s="10" customFormat="1" ht="12.9" customHeight="1" x14ac:dyDescent="0.15">
      <c r="A11" s="77"/>
      <c r="B11" s="74"/>
      <c r="C11" s="8" t="s">
        <v>19</v>
      </c>
      <c r="D11" s="24">
        <v>8.6</v>
      </c>
      <c r="E11" s="25">
        <v>29.5</v>
      </c>
      <c r="F11" s="40">
        <v>41450</v>
      </c>
      <c r="G11" s="25">
        <v>-12.4</v>
      </c>
      <c r="H11" s="43">
        <v>41633</v>
      </c>
      <c r="I11" s="26">
        <v>1476.6</v>
      </c>
      <c r="J11" s="27">
        <v>1200</v>
      </c>
      <c r="K11" s="25">
        <v>56</v>
      </c>
      <c r="L11" s="40" t="s">
        <v>51</v>
      </c>
      <c r="M11" s="25">
        <v>33.5</v>
      </c>
      <c r="N11" s="43" t="s">
        <v>51</v>
      </c>
      <c r="O11" s="28" t="s">
        <v>40</v>
      </c>
      <c r="P11" s="29">
        <v>4</v>
      </c>
      <c r="Q11" s="9"/>
    </row>
    <row r="12" spans="1:17" s="10" customFormat="1" ht="12.9" customHeight="1" x14ac:dyDescent="0.15">
      <c r="A12" s="75">
        <v>2010</v>
      </c>
      <c r="B12" s="72" t="s">
        <v>23</v>
      </c>
      <c r="C12" s="11" t="s">
        <v>17</v>
      </c>
      <c r="D12" s="30">
        <v>8.5</v>
      </c>
      <c r="E12" s="31">
        <v>31.7</v>
      </c>
      <c r="F12" s="41">
        <v>41492</v>
      </c>
      <c r="G12" s="31">
        <v>-17.8</v>
      </c>
      <c r="H12" s="44">
        <v>41310</v>
      </c>
      <c r="I12" s="32" t="s">
        <v>52</v>
      </c>
      <c r="J12" s="33">
        <v>1184</v>
      </c>
      <c r="K12" s="31">
        <v>56</v>
      </c>
      <c r="L12" s="41" t="s">
        <v>53</v>
      </c>
      <c r="M12" s="31">
        <v>35.5</v>
      </c>
      <c r="N12" s="44" t="s">
        <v>53</v>
      </c>
      <c r="O12" s="34" t="s">
        <v>54</v>
      </c>
      <c r="P12" s="35">
        <v>2.8</v>
      </c>
      <c r="Q12" s="9"/>
    </row>
    <row r="13" spans="1:17" s="10" customFormat="1" ht="12.9" customHeight="1" x14ac:dyDescent="0.15">
      <c r="A13" s="76"/>
      <c r="B13" s="73"/>
      <c r="C13" s="7" t="s">
        <v>18</v>
      </c>
      <c r="D13" s="18">
        <v>8.5</v>
      </c>
      <c r="E13" s="19">
        <v>31.6</v>
      </c>
      <c r="F13" s="39">
        <v>41516</v>
      </c>
      <c r="G13" s="19">
        <v>-15.2</v>
      </c>
      <c r="H13" s="42">
        <v>41335</v>
      </c>
      <c r="I13" s="20">
        <v>1413.3</v>
      </c>
      <c r="J13" s="21">
        <v>1591</v>
      </c>
      <c r="K13" s="19">
        <v>106.5</v>
      </c>
      <c r="L13" s="39" t="s">
        <v>55</v>
      </c>
      <c r="M13" s="19">
        <v>53.5</v>
      </c>
      <c r="N13" s="42" t="s">
        <v>53</v>
      </c>
      <c r="O13" s="22">
        <v>718</v>
      </c>
      <c r="P13" s="23">
        <v>3.4</v>
      </c>
      <c r="Q13" s="9"/>
    </row>
    <row r="14" spans="1:17" s="10" customFormat="1" ht="12.9" customHeight="1" x14ac:dyDescent="0.15">
      <c r="A14" s="77"/>
      <c r="B14" s="74"/>
      <c r="C14" s="8" t="s">
        <v>19</v>
      </c>
      <c r="D14" s="24">
        <v>9</v>
      </c>
      <c r="E14" s="25">
        <v>33.299999999999997</v>
      </c>
      <c r="F14" s="40">
        <v>41492</v>
      </c>
      <c r="G14" s="25">
        <v>-14.1</v>
      </c>
      <c r="H14" s="43">
        <v>41311</v>
      </c>
      <c r="I14" s="26">
        <v>1326.9</v>
      </c>
      <c r="J14" s="27">
        <v>1325.5</v>
      </c>
      <c r="K14" s="25">
        <v>104</v>
      </c>
      <c r="L14" s="40" t="s">
        <v>56</v>
      </c>
      <c r="M14" s="25">
        <v>28.5</v>
      </c>
      <c r="N14" s="43" t="s">
        <v>56</v>
      </c>
      <c r="O14" s="28" t="s">
        <v>40</v>
      </c>
      <c r="P14" s="29">
        <v>4.9000000000000004</v>
      </c>
      <c r="Q14" s="9"/>
    </row>
    <row r="15" spans="1:17" s="10" customFormat="1" ht="12.9" customHeight="1" x14ac:dyDescent="0.15">
      <c r="A15" s="75">
        <v>2011</v>
      </c>
      <c r="B15" s="72" t="s">
        <v>24</v>
      </c>
      <c r="C15" s="7" t="s">
        <v>17</v>
      </c>
      <c r="D15" s="18">
        <v>8.1</v>
      </c>
      <c r="E15" s="19">
        <v>32.200000000000003</v>
      </c>
      <c r="F15" s="39">
        <v>41497</v>
      </c>
      <c r="G15" s="19">
        <v>-17.100000000000001</v>
      </c>
      <c r="H15" s="42">
        <v>41302</v>
      </c>
      <c r="I15" s="20">
        <v>1693</v>
      </c>
      <c r="J15" s="21">
        <v>1297</v>
      </c>
      <c r="K15" s="19">
        <v>64.5</v>
      </c>
      <c r="L15" s="39" t="s">
        <v>57</v>
      </c>
      <c r="M15" s="19">
        <v>31</v>
      </c>
      <c r="N15" s="42" t="s">
        <v>57</v>
      </c>
      <c r="O15" s="22">
        <v>673</v>
      </c>
      <c r="P15" s="23">
        <v>2.8</v>
      </c>
      <c r="Q15" s="9"/>
    </row>
    <row r="16" spans="1:17" s="10" customFormat="1" ht="12.9" customHeight="1" x14ac:dyDescent="0.15">
      <c r="A16" s="76"/>
      <c r="B16" s="73"/>
      <c r="C16" s="7" t="s">
        <v>18</v>
      </c>
      <c r="D16" s="18">
        <v>8</v>
      </c>
      <c r="E16" s="19">
        <v>30.9</v>
      </c>
      <c r="F16" s="39">
        <v>41518</v>
      </c>
      <c r="G16" s="19">
        <v>-14.7</v>
      </c>
      <c r="H16" s="42">
        <v>41301</v>
      </c>
      <c r="I16" s="20">
        <v>1541</v>
      </c>
      <c r="J16" s="21">
        <v>1582.5</v>
      </c>
      <c r="K16" s="19">
        <v>110</v>
      </c>
      <c r="L16" s="39" t="s">
        <v>57</v>
      </c>
      <c r="M16" s="19">
        <v>30.5</v>
      </c>
      <c r="N16" s="42" t="s">
        <v>57</v>
      </c>
      <c r="O16" s="22">
        <v>551</v>
      </c>
      <c r="P16" s="23">
        <v>3.4</v>
      </c>
      <c r="Q16" s="9"/>
    </row>
    <row r="17" spans="1:17" s="10" customFormat="1" ht="12.9" customHeight="1" x14ac:dyDescent="0.15">
      <c r="A17" s="77"/>
      <c r="B17" s="74"/>
      <c r="C17" s="8" t="s">
        <v>19</v>
      </c>
      <c r="D17" s="24">
        <v>8.5</v>
      </c>
      <c r="E17" s="25">
        <v>30.4</v>
      </c>
      <c r="F17" s="40">
        <v>41518</v>
      </c>
      <c r="G17" s="25">
        <v>-14.6</v>
      </c>
      <c r="H17" s="43">
        <v>41333</v>
      </c>
      <c r="I17" s="26">
        <v>1492.7</v>
      </c>
      <c r="J17" s="27">
        <v>1817.5</v>
      </c>
      <c r="K17" s="25">
        <v>182</v>
      </c>
      <c r="L17" s="40" t="s">
        <v>57</v>
      </c>
      <c r="M17" s="25">
        <v>51.5</v>
      </c>
      <c r="N17" s="43" t="s">
        <v>57</v>
      </c>
      <c r="O17" s="28" t="s">
        <v>40</v>
      </c>
      <c r="P17" s="29">
        <v>4.7</v>
      </c>
      <c r="Q17" s="9"/>
    </row>
    <row r="18" spans="1:17" s="10" customFormat="1" ht="12.9" customHeight="1" x14ac:dyDescent="0.15">
      <c r="A18" s="75">
        <v>2012</v>
      </c>
      <c r="B18" s="72" t="s">
        <v>25</v>
      </c>
      <c r="C18" s="7" t="s">
        <v>17</v>
      </c>
      <c r="D18" s="18">
        <v>8.1</v>
      </c>
      <c r="E18" s="19">
        <v>32.6</v>
      </c>
      <c r="F18" s="39">
        <v>41483</v>
      </c>
      <c r="G18" s="19">
        <v>-19.5</v>
      </c>
      <c r="H18" s="42">
        <v>41306</v>
      </c>
      <c r="I18" s="20">
        <v>1711.7</v>
      </c>
      <c r="J18" s="21">
        <v>1037</v>
      </c>
      <c r="K18" s="19">
        <v>65</v>
      </c>
      <c r="L18" s="39" t="s">
        <v>58</v>
      </c>
      <c r="M18" s="19">
        <v>20.5</v>
      </c>
      <c r="N18" s="42" t="s">
        <v>59</v>
      </c>
      <c r="O18" s="22">
        <v>764</v>
      </c>
      <c r="P18" s="23">
        <v>2.7</v>
      </c>
      <c r="Q18" s="9"/>
    </row>
    <row r="19" spans="1:17" s="10" customFormat="1" ht="12.9" customHeight="1" x14ac:dyDescent="0.15">
      <c r="A19" s="76"/>
      <c r="B19" s="73"/>
      <c r="C19" s="7" t="s">
        <v>18</v>
      </c>
      <c r="D19" s="18">
        <v>8.1</v>
      </c>
      <c r="E19" s="19">
        <v>32.6</v>
      </c>
      <c r="F19" s="39">
        <v>41521</v>
      </c>
      <c r="G19" s="19">
        <v>-18.7</v>
      </c>
      <c r="H19" s="42">
        <v>41306</v>
      </c>
      <c r="I19" s="20">
        <v>1572.5</v>
      </c>
      <c r="J19" s="21">
        <v>1221.5</v>
      </c>
      <c r="K19" s="19">
        <v>69.5</v>
      </c>
      <c r="L19" s="39" t="s">
        <v>58</v>
      </c>
      <c r="M19" s="19">
        <v>24</v>
      </c>
      <c r="N19" s="42" t="s">
        <v>58</v>
      </c>
      <c r="O19" s="22" t="s">
        <v>60</v>
      </c>
      <c r="P19" s="23">
        <v>3.3</v>
      </c>
      <c r="Q19" s="9"/>
    </row>
    <row r="20" spans="1:17" s="10" customFormat="1" ht="12.9" customHeight="1" x14ac:dyDescent="0.15">
      <c r="A20" s="77"/>
      <c r="B20" s="74"/>
      <c r="C20" s="8" t="s">
        <v>19</v>
      </c>
      <c r="D20" s="24">
        <v>8.6</v>
      </c>
      <c r="E20" s="25">
        <v>32.299999999999997</v>
      </c>
      <c r="F20" s="40">
        <v>41508</v>
      </c>
      <c r="G20" s="25">
        <v>-18.2</v>
      </c>
      <c r="H20" s="43">
        <v>41307</v>
      </c>
      <c r="I20" s="26">
        <v>1560.8</v>
      </c>
      <c r="J20" s="27">
        <v>1397.5</v>
      </c>
      <c r="K20" s="25">
        <v>104</v>
      </c>
      <c r="L20" s="40" t="s">
        <v>61</v>
      </c>
      <c r="M20" s="25">
        <v>49</v>
      </c>
      <c r="N20" s="43" t="s">
        <v>61</v>
      </c>
      <c r="O20" s="28" t="s">
        <v>40</v>
      </c>
      <c r="P20" s="29">
        <v>4.7</v>
      </c>
      <c r="Q20" s="9"/>
    </row>
    <row r="21" spans="1:17" s="10" customFormat="1" ht="12.9" customHeight="1" x14ac:dyDescent="0.15">
      <c r="A21" s="75">
        <v>2013</v>
      </c>
      <c r="B21" s="72" t="s">
        <v>26</v>
      </c>
      <c r="C21" s="7" t="s">
        <v>17</v>
      </c>
      <c r="D21" s="30">
        <v>8</v>
      </c>
      <c r="E21" s="31">
        <v>32.700000000000003</v>
      </c>
      <c r="F21" s="41">
        <v>42559</v>
      </c>
      <c r="G21" s="31">
        <v>-18.600000000000001</v>
      </c>
      <c r="H21" s="44">
        <v>42425</v>
      </c>
      <c r="I21" s="32">
        <v>1571</v>
      </c>
      <c r="J21" s="33">
        <v>1134</v>
      </c>
      <c r="K21" s="31">
        <v>49</v>
      </c>
      <c r="L21" s="41" t="s">
        <v>62</v>
      </c>
      <c r="M21" s="31">
        <v>18.5</v>
      </c>
      <c r="N21" s="44" t="s">
        <v>62</v>
      </c>
      <c r="O21" s="34" t="s">
        <v>63</v>
      </c>
      <c r="P21" s="35">
        <v>2.7</v>
      </c>
      <c r="Q21" s="9"/>
    </row>
    <row r="22" spans="1:17" s="10" customFormat="1" ht="12.9" customHeight="1" x14ac:dyDescent="0.15">
      <c r="A22" s="76"/>
      <c r="B22" s="73"/>
      <c r="C22" s="7" t="s">
        <v>18</v>
      </c>
      <c r="D22" s="18">
        <v>7.9</v>
      </c>
      <c r="E22" s="19">
        <v>31.6</v>
      </c>
      <c r="F22" s="39">
        <v>42559</v>
      </c>
      <c r="G22" s="19">
        <v>-17.399999999999999</v>
      </c>
      <c r="H22" s="42">
        <v>42425</v>
      </c>
      <c r="I22" s="20">
        <v>1451.3</v>
      </c>
      <c r="J22" s="21">
        <v>1209.5</v>
      </c>
      <c r="K22" s="19">
        <v>47</v>
      </c>
      <c r="L22" s="39" t="s">
        <v>62</v>
      </c>
      <c r="M22" s="19">
        <v>23.5</v>
      </c>
      <c r="N22" s="42" t="s">
        <v>64</v>
      </c>
      <c r="O22" s="22">
        <v>767</v>
      </c>
      <c r="P22" s="23">
        <v>3.3</v>
      </c>
      <c r="Q22" s="9"/>
    </row>
    <row r="23" spans="1:17" s="10" customFormat="1" ht="12.9" customHeight="1" x14ac:dyDescent="0.15">
      <c r="A23" s="77"/>
      <c r="B23" s="74"/>
      <c r="C23" s="8" t="s">
        <v>19</v>
      </c>
      <c r="D23" s="24">
        <v>8.5</v>
      </c>
      <c r="E23" s="25">
        <v>32.1</v>
      </c>
      <c r="F23" s="40">
        <v>42588</v>
      </c>
      <c r="G23" s="25">
        <v>-15.6</v>
      </c>
      <c r="H23" s="43">
        <v>42425</v>
      </c>
      <c r="I23" s="26">
        <v>1396.7</v>
      </c>
      <c r="J23" s="27">
        <v>1125.5</v>
      </c>
      <c r="K23" s="25">
        <v>49.5</v>
      </c>
      <c r="L23" s="40" t="s">
        <v>65</v>
      </c>
      <c r="M23" s="25">
        <v>26</v>
      </c>
      <c r="N23" s="43" t="s">
        <v>66</v>
      </c>
      <c r="O23" s="28" t="s">
        <v>40</v>
      </c>
      <c r="P23" s="29">
        <v>4.8</v>
      </c>
      <c r="Q23" s="9"/>
    </row>
    <row r="24" spans="1:17" s="10" customFormat="1" ht="12.9" customHeight="1" x14ac:dyDescent="0.15">
      <c r="A24" s="75">
        <v>2014</v>
      </c>
      <c r="B24" s="72" t="s">
        <v>27</v>
      </c>
      <c r="C24" s="7" t="s">
        <v>17</v>
      </c>
      <c r="D24" s="18">
        <v>8</v>
      </c>
      <c r="E24" s="19">
        <v>32.4</v>
      </c>
      <c r="F24" s="39">
        <v>42525</v>
      </c>
      <c r="G24" s="19">
        <v>-21.3</v>
      </c>
      <c r="H24" s="42">
        <v>42408</v>
      </c>
      <c r="I24" s="20">
        <v>1827</v>
      </c>
      <c r="J24" s="21">
        <v>902.5</v>
      </c>
      <c r="K24" s="19">
        <v>49.5</v>
      </c>
      <c r="L24" s="39" t="s">
        <v>66</v>
      </c>
      <c r="M24" s="19">
        <v>11.5</v>
      </c>
      <c r="N24" s="42" t="s">
        <v>67</v>
      </c>
      <c r="O24" s="22">
        <v>694</v>
      </c>
      <c r="P24" s="23">
        <v>2.7</v>
      </c>
      <c r="Q24" s="9"/>
    </row>
    <row r="25" spans="1:17" s="10" customFormat="1" ht="12.9" customHeight="1" x14ac:dyDescent="0.15">
      <c r="A25" s="76"/>
      <c r="B25" s="73"/>
      <c r="C25" s="7" t="s">
        <v>18</v>
      </c>
      <c r="D25" s="18">
        <v>7.9</v>
      </c>
      <c r="E25" s="19">
        <v>32.1</v>
      </c>
      <c r="F25" s="39">
        <v>42586</v>
      </c>
      <c r="G25" s="19">
        <v>-19.100000000000001</v>
      </c>
      <c r="H25" s="42">
        <v>42408</v>
      </c>
      <c r="I25" s="20">
        <v>1748.1</v>
      </c>
      <c r="J25" s="21">
        <v>1190</v>
      </c>
      <c r="K25" s="19">
        <v>55.5</v>
      </c>
      <c r="L25" s="39" t="s">
        <v>68</v>
      </c>
      <c r="M25" s="19">
        <v>16.5</v>
      </c>
      <c r="N25" s="42" t="s">
        <v>69</v>
      </c>
      <c r="O25" s="22">
        <v>664</v>
      </c>
      <c r="P25" s="23">
        <v>3.1</v>
      </c>
      <c r="Q25" s="9"/>
    </row>
    <row r="26" spans="1:17" s="10" customFormat="1" ht="12.9" customHeight="1" x14ac:dyDescent="0.15">
      <c r="A26" s="77"/>
      <c r="B26" s="74"/>
      <c r="C26" s="8" t="s">
        <v>19</v>
      </c>
      <c r="D26" s="24">
        <v>8.3000000000000007</v>
      </c>
      <c r="E26" s="25">
        <v>30.6</v>
      </c>
      <c r="F26" s="40">
        <v>42586</v>
      </c>
      <c r="G26" s="25">
        <v>-17.7</v>
      </c>
      <c r="H26" s="43">
        <v>42408</v>
      </c>
      <c r="I26" s="26">
        <v>1724.8</v>
      </c>
      <c r="J26" s="27">
        <v>1154.5</v>
      </c>
      <c r="K26" s="25">
        <v>105</v>
      </c>
      <c r="L26" s="40" t="s">
        <v>70</v>
      </c>
      <c r="M26" s="25">
        <v>24.5</v>
      </c>
      <c r="N26" s="43" t="s">
        <v>71</v>
      </c>
      <c r="O26" s="28" t="s">
        <v>40</v>
      </c>
      <c r="P26" s="29">
        <v>4.7</v>
      </c>
      <c r="Q26" s="9"/>
    </row>
    <row r="27" spans="1:17" s="10" customFormat="1" ht="12.9" customHeight="1" x14ac:dyDescent="0.15">
      <c r="A27" s="75">
        <v>2015</v>
      </c>
      <c r="B27" s="72" t="s">
        <v>72</v>
      </c>
      <c r="C27" s="7" t="s">
        <v>17</v>
      </c>
      <c r="D27" s="18">
        <v>8.6999999999999993</v>
      </c>
      <c r="E27" s="19">
        <v>33.799999999999997</v>
      </c>
      <c r="F27" s="39">
        <v>42952</v>
      </c>
      <c r="G27" s="19">
        <v>-16.3</v>
      </c>
      <c r="H27" s="42">
        <v>42771</v>
      </c>
      <c r="I27" s="20">
        <v>17773.599999999999</v>
      </c>
      <c r="J27" s="21">
        <v>897</v>
      </c>
      <c r="K27" s="19">
        <v>68</v>
      </c>
      <c r="L27" s="39" t="s">
        <v>74</v>
      </c>
      <c r="M27" s="19">
        <v>17</v>
      </c>
      <c r="N27" s="42" t="s">
        <v>74</v>
      </c>
      <c r="O27" s="22">
        <v>625</v>
      </c>
      <c r="P27" s="23">
        <v>2.6</v>
      </c>
      <c r="Q27" s="9"/>
    </row>
    <row r="28" spans="1:17" s="10" customFormat="1" ht="12.9" customHeight="1" x14ac:dyDescent="0.15">
      <c r="A28" s="76"/>
      <c r="B28" s="73"/>
      <c r="C28" s="7" t="s">
        <v>18</v>
      </c>
      <c r="D28" s="18">
        <v>8.6</v>
      </c>
      <c r="E28" s="19">
        <v>32</v>
      </c>
      <c r="F28" s="39">
        <v>42952</v>
      </c>
      <c r="G28" s="19">
        <v>-16.5</v>
      </c>
      <c r="H28" s="42">
        <v>42770</v>
      </c>
      <c r="I28" s="20">
        <v>1654.4</v>
      </c>
      <c r="J28" s="21">
        <v>1207</v>
      </c>
      <c r="K28" s="19">
        <v>49</v>
      </c>
      <c r="L28" s="39" t="s">
        <v>74</v>
      </c>
      <c r="M28" s="19">
        <v>19.5</v>
      </c>
      <c r="N28" s="42" t="s">
        <v>76</v>
      </c>
      <c r="O28" s="22">
        <v>483</v>
      </c>
      <c r="P28" s="23">
        <v>2.9</v>
      </c>
      <c r="Q28" s="9"/>
    </row>
    <row r="29" spans="1:17" s="10" customFormat="1" ht="12.9" customHeight="1" x14ac:dyDescent="0.15">
      <c r="A29" s="77"/>
      <c r="B29" s="74"/>
      <c r="C29" s="8" t="s">
        <v>19</v>
      </c>
      <c r="D29" s="24">
        <v>8.9</v>
      </c>
      <c r="E29" s="25">
        <v>29.7</v>
      </c>
      <c r="F29" s="40">
        <v>42957</v>
      </c>
      <c r="G29" s="25">
        <v>-17.2</v>
      </c>
      <c r="H29" s="43">
        <v>42770</v>
      </c>
      <c r="I29" s="26">
        <v>1629.7</v>
      </c>
      <c r="J29" s="27">
        <v>1237</v>
      </c>
      <c r="K29" s="25">
        <v>43</v>
      </c>
      <c r="L29" s="40" t="s">
        <v>75</v>
      </c>
      <c r="M29" s="25">
        <v>21.5</v>
      </c>
      <c r="N29" s="43" t="s">
        <v>77</v>
      </c>
      <c r="O29" s="28" t="s">
        <v>73</v>
      </c>
      <c r="P29" s="29">
        <v>4.5</v>
      </c>
      <c r="Q29" s="9"/>
    </row>
    <row r="30" spans="1:17" s="10" customFormat="1" ht="12.9" customHeight="1" x14ac:dyDescent="0.15">
      <c r="A30" s="75">
        <v>2016</v>
      </c>
      <c r="B30" s="72" t="s">
        <v>81</v>
      </c>
      <c r="C30" s="7" t="s">
        <v>17</v>
      </c>
      <c r="D30" s="18">
        <v>8.1</v>
      </c>
      <c r="E30" s="19">
        <v>32</v>
      </c>
      <c r="F30" s="39">
        <v>43342</v>
      </c>
      <c r="G30" s="19">
        <v>-16.399999999999999</v>
      </c>
      <c r="H30" s="42">
        <v>43125</v>
      </c>
      <c r="I30" s="20">
        <v>1751.5</v>
      </c>
      <c r="J30" s="21">
        <v>1122</v>
      </c>
      <c r="K30" s="19">
        <v>73.5</v>
      </c>
      <c r="L30" s="39">
        <v>43329</v>
      </c>
      <c r="M30" s="19">
        <v>28.5</v>
      </c>
      <c r="N30" s="42">
        <v>43332</v>
      </c>
      <c r="O30" s="22">
        <v>542</v>
      </c>
      <c r="P30" s="23">
        <v>2.9</v>
      </c>
      <c r="Q30" s="9"/>
    </row>
    <row r="31" spans="1:17" s="10" customFormat="1" ht="12.9" customHeight="1" x14ac:dyDescent="0.15">
      <c r="A31" s="76"/>
      <c r="B31" s="73"/>
      <c r="C31" s="7" t="s">
        <v>18</v>
      </c>
      <c r="D31" s="18">
        <v>8</v>
      </c>
      <c r="E31" s="19">
        <v>32.6</v>
      </c>
      <c r="F31" s="39">
        <v>43342</v>
      </c>
      <c r="G31" s="19">
        <v>-16.3</v>
      </c>
      <c r="H31" s="42">
        <v>43462</v>
      </c>
      <c r="I31" s="20">
        <v>1521</v>
      </c>
      <c r="J31" s="21">
        <v>1299.5</v>
      </c>
      <c r="K31" s="19">
        <v>60</v>
      </c>
      <c r="L31" s="39">
        <v>43329</v>
      </c>
      <c r="M31" s="19">
        <v>25.5</v>
      </c>
      <c r="N31" s="42">
        <v>43328</v>
      </c>
      <c r="O31" s="22">
        <v>586</v>
      </c>
      <c r="P31" s="23">
        <v>3.2</v>
      </c>
      <c r="Q31" s="9"/>
    </row>
    <row r="32" spans="1:17" s="4" customFormat="1" ht="12.9" customHeight="1" x14ac:dyDescent="0.15">
      <c r="A32" s="77"/>
      <c r="B32" s="74"/>
      <c r="C32" s="8" t="s">
        <v>19</v>
      </c>
      <c r="D32" s="24">
        <v>8.5</v>
      </c>
      <c r="E32" s="25">
        <v>32</v>
      </c>
      <c r="F32" s="40">
        <v>43342</v>
      </c>
      <c r="G32" s="25">
        <v>-16.3</v>
      </c>
      <c r="H32" s="43">
        <v>43125</v>
      </c>
      <c r="I32" s="26">
        <v>1509.1</v>
      </c>
      <c r="J32" s="27">
        <v>1243.5</v>
      </c>
      <c r="K32" s="25">
        <v>51</v>
      </c>
      <c r="L32" s="40">
        <v>43332</v>
      </c>
      <c r="M32" s="25">
        <v>29.5</v>
      </c>
      <c r="N32" s="43">
        <v>43332</v>
      </c>
      <c r="O32" s="28" t="s">
        <v>73</v>
      </c>
      <c r="P32" s="29">
        <v>5.0999999999999996</v>
      </c>
    </row>
    <row r="33" spans="1:16" s="4" customFormat="1" ht="12.9" customHeight="1" x14ac:dyDescent="0.15">
      <c r="A33" s="75">
        <v>2017</v>
      </c>
      <c r="B33" s="72" t="s">
        <v>82</v>
      </c>
      <c r="C33" s="11" t="s">
        <v>17</v>
      </c>
      <c r="D33" s="30">
        <v>7.8</v>
      </c>
      <c r="E33" s="31">
        <v>32.299999999999997</v>
      </c>
      <c r="F33" s="41">
        <v>43296</v>
      </c>
      <c r="G33" s="31">
        <v>-19.100000000000001</v>
      </c>
      <c r="H33" s="44">
        <v>43115</v>
      </c>
      <c r="I33" s="32">
        <v>1792.5</v>
      </c>
      <c r="J33" s="33">
        <v>1004.5</v>
      </c>
      <c r="K33" s="31">
        <v>49.5</v>
      </c>
      <c r="L33" s="41" t="s">
        <v>83</v>
      </c>
      <c r="M33" s="31">
        <v>40</v>
      </c>
      <c r="N33" s="44" t="s">
        <v>83</v>
      </c>
      <c r="O33" s="34">
        <v>550</v>
      </c>
      <c r="P33" s="35">
        <v>2.6</v>
      </c>
    </row>
    <row r="34" spans="1:16" s="4" customFormat="1" ht="12.9" customHeight="1" x14ac:dyDescent="0.15">
      <c r="A34" s="76"/>
      <c r="B34" s="73"/>
      <c r="C34" s="7" t="s">
        <v>18</v>
      </c>
      <c r="D34" s="18">
        <v>7.8</v>
      </c>
      <c r="E34" s="19">
        <v>31.8</v>
      </c>
      <c r="F34" s="39">
        <v>43291</v>
      </c>
      <c r="G34" s="19">
        <v>-18.399999999999999</v>
      </c>
      <c r="H34" s="42">
        <v>43124</v>
      </c>
      <c r="I34" s="20">
        <v>1654.6</v>
      </c>
      <c r="J34" s="21">
        <v>1228.5</v>
      </c>
      <c r="K34" s="19">
        <v>70.5</v>
      </c>
      <c r="L34" s="39" t="s">
        <v>84</v>
      </c>
      <c r="M34" s="19">
        <v>45</v>
      </c>
      <c r="N34" s="42" t="s">
        <v>76</v>
      </c>
      <c r="O34" s="22">
        <v>455</v>
      </c>
      <c r="P34" s="23">
        <v>3.2</v>
      </c>
    </row>
    <row r="35" spans="1:16" s="4" customFormat="1" ht="12.9" customHeight="1" x14ac:dyDescent="0.15">
      <c r="A35" s="77"/>
      <c r="B35" s="74"/>
      <c r="C35" s="8" t="s">
        <v>19</v>
      </c>
      <c r="D35" s="24">
        <v>8.1999999999999993</v>
      </c>
      <c r="E35" s="25">
        <v>32.799999999999997</v>
      </c>
      <c r="F35" s="40">
        <v>43295</v>
      </c>
      <c r="G35" s="25">
        <v>-18.899999999999999</v>
      </c>
      <c r="H35" s="43">
        <v>43124</v>
      </c>
      <c r="I35" s="26">
        <v>1585.6</v>
      </c>
      <c r="J35" s="27">
        <v>1291</v>
      </c>
      <c r="K35" s="25">
        <v>149.5</v>
      </c>
      <c r="L35" s="40" t="s">
        <v>85</v>
      </c>
      <c r="M35" s="25">
        <v>38.5</v>
      </c>
      <c r="N35" s="43" t="s">
        <v>76</v>
      </c>
      <c r="O35" s="28" t="s">
        <v>73</v>
      </c>
      <c r="P35" s="29">
        <v>4.7</v>
      </c>
    </row>
    <row r="36" spans="1:16" s="4" customFormat="1" ht="12.9" customHeight="1" x14ac:dyDescent="0.15">
      <c r="A36" s="75">
        <v>2018</v>
      </c>
      <c r="B36" s="72" t="s">
        <v>86</v>
      </c>
      <c r="C36" s="11" t="s">
        <v>17</v>
      </c>
      <c r="D36" s="30">
        <v>8.1999999999999993</v>
      </c>
      <c r="E36" s="31">
        <v>32.1</v>
      </c>
      <c r="F36" s="41">
        <v>43677</v>
      </c>
      <c r="G36" s="31">
        <v>-19.7</v>
      </c>
      <c r="H36" s="44"/>
      <c r="I36" s="32">
        <v>1700</v>
      </c>
      <c r="J36" s="33">
        <v>1214.5</v>
      </c>
      <c r="K36" s="31">
        <v>52</v>
      </c>
      <c r="L36" s="41">
        <v>43765</v>
      </c>
      <c r="M36" s="31">
        <v>21.5</v>
      </c>
      <c r="N36" s="44">
        <v>43765</v>
      </c>
      <c r="O36" s="34">
        <v>642</v>
      </c>
      <c r="P36" s="35">
        <v>2.6</v>
      </c>
    </row>
    <row r="37" spans="1:16" s="4" customFormat="1" ht="12.9" customHeight="1" x14ac:dyDescent="0.15">
      <c r="A37" s="76"/>
      <c r="B37" s="73"/>
      <c r="C37" s="7" t="s">
        <v>18</v>
      </c>
      <c r="D37" s="18">
        <v>8.3000000000000007</v>
      </c>
      <c r="E37" s="19">
        <v>33.700000000000003</v>
      </c>
      <c r="F37" s="39">
        <v>43677</v>
      </c>
      <c r="G37" s="19">
        <v>-16.8</v>
      </c>
      <c r="H37" s="42">
        <v>43514</v>
      </c>
      <c r="I37" s="20">
        <v>1535.5</v>
      </c>
      <c r="J37" s="21">
        <v>1360.5</v>
      </c>
      <c r="K37" s="19">
        <v>55.5</v>
      </c>
      <c r="L37" s="39">
        <v>43648</v>
      </c>
      <c r="M37" s="19">
        <v>18.5</v>
      </c>
      <c r="N37" s="42">
        <v>43690</v>
      </c>
      <c r="O37" s="22">
        <v>658</v>
      </c>
      <c r="P37" s="23">
        <v>3.7</v>
      </c>
    </row>
    <row r="38" spans="1:16" s="4" customFormat="1" ht="12.9" customHeight="1" x14ac:dyDescent="0.15">
      <c r="A38" s="77"/>
      <c r="B38" s="74"/>
      <c r="C38" s="8" t="s">
        <v>19</v>
      </c>
      <c r="D38" s="24">
        <v>8.6</v>
      </c>
      <c r="E38" s="25">
        <v>31.7</v>
      </c>
      <c r="F38" s="40">
        <v>43676</v>
      </c>
      <c r="G38" s="25">
        <v>-16.399999999999999</v>
      </c>
      <c r="H38" s="43">
        <v>43503</v>
      </c>
      <c r="I38" s="26">
        <v>1477.8</v>
      </c>
      <c r="J38" s="27">
        <v>1075</v>
      </c>
      <c r="K38" s="25">
        <v>49.5</v>
      </c>
      <c r="L38" s="40">
        <v>43661</v>
      </c>
      <c r="M38" s="25">
        <v>22.5</v>
      </c>
      <c r="N38" s="43">
        <v>43649</v>
      </c>
      <c r="O38" s="28" t="s">
        <v>90</v>
      </c>
      <c r="P38" s="29">
        <v>4.7</v>
      </c>
    </row>
    <row r="39" spans="1:16" s="4" customFormat="1" ht="12.9" customHeight="1" x14ac:dyDescent="0.15">
      <c r="A39" s="75">
        <v>2019</v>
      </c>
      <c r="B39" s="72" t="s">
        <v>89</v>
      </c>
      <c r="C39" s="7" t="s">
        <v>17</v>
      </c>
      <c r="D39" s="18">
        <v>8.5</v>
      </c>
      <c r="E39" s="19">
        <v>33.1</v>
      </c>
      <c r="F39" s="39">
        <v>44045</v>
      </c>
      <c r="G39" s="19">
        <v>-17.399999999999999</v>
      </c>
      <c r="H39" s="42">
        <v>43870</v>
      </c>
      <c r="I39" s="20">
        <v>1888.6</v>
      </c>
      <c r="J39" s="21">
        <v>679.5</v>
      </c>
      <c r="K39" s="19">
        <v>46.5</v>
      </c>
      <c r="L39" s="39">
        <v>44097</v>
      </c>
      <c r="M39" s="19">
        <v>15.5</v>
      </c>
      <c r="N39" s="42">
        <v>44066</v>
      </c>
      <c r="O39" s="22">
        <v>520</v>
      </c>
      <c r="P39" s="23">
        <v>2.7</v>
      </c>
    </row>
    <row r="40" spans="1:16" s="4" customFormat="1" ht="12.9" customHeight="1" x14ac:dyDescent="0.15">
      <c r="A40" s="76"/>
      <c r="B40" s="73"/>
      <c r="C40" s="7" t="s">
        <v>18</v>
      </c>
      <c r="D40" s="18">
        <v>8.5</v>
      </c>
      <c r="E40" s="19">
        <v>31.8</v>
      </c>
      <c r="F40" s="39">
        <v>43977</v>
      </c>
      <c r="G40" s="19">
        <v>-14.8</v>
      </c>
      <c r="H40" s="42">
        <v>43857</v>
      </c>
      <c r="I40" s="20">
        <v>1684</v>
      </c>
      <c r="J40" s="21">
        <v>902.5</v>
      </c>
      <c r="K40" s="19">
        <v>54</v>
      </c>
      <c r="L40" s="39">
        <v>44051</v>
      </c>
      <c r="M40" s="19">
        <v>22</v>
      </c>
      <c r="N40" s="42">
        <v>44051</v>
      </c>
      <c r="O40" s="22">
        <v>576</v>
      </c>
      <c r="P40" s="23">
        <v>4.0999999999999996</v>
      </c>
    </row>
    <row r="41" spans="1:16" s="4" customFormat="1" ht="12.9" customHeight="1" x14ac:dyDescent="0.15">
      <c r="A41" s="77"/>
      <c r="B41" s="74"/>
      <c r="C41" s="8" t="s">
        <v>19</v>
      </c>
      <c r="D41" s="24">
        <v>8.9</v>
      </c>
      <c r="E41" s="19">
        <v>30.5</v>
      </c>
      <c r="F41" s="39">
        <v>44082</v>
      </c>
      <c r="G41" s="25">
        <v>-14.3</v>
      </c>
      <c r="H41" s="42">
        <v>43844</v>
      </c>
      <c r="I41" s="20">
        <v>1627.5</v>
      </c>
      <c r="J41" s="21">
        <v>784.5</v>
      </c>
      <c r="K41" s="19">
        <v>47.5</v>
      </c>
      <c r="L41" s="39">
        <v>44038</v>
      </c>
      <c r="M41" s="25">
        <v>17</v>
      </c>
      <c r="N41" s="42">
        <v>44039</v>
      </c>
      <c r="O41" s="28" t="s">
        <v>90</v>
      </c>
      <c r="P41" s="23">
        <v>4.9000000000000004</v>
      </c>
    </row>
    <row r="42" spans="1:16" s="4" customFormat="1" ht="12.9" customHeight="1" x14ac:dyDescent="0.15">
      <c r="A42" s="75">
        <v>2020</v>
      </c>
      <c r="B42" s="72" t="s">
        <v>91</v>
      </c>
      <c r="C42" s="7" t="s">
        <v>17</v>
      </c>
      <c r="D42" s="18">
        <v>8.6999999999999993</v>
      </c>
      <c r="E42" s="31">
        <v>31.4</v>
      </c>
      <c r="F42" s="41">
        <v>44436</v>
      </c>
      <c r="G42" s="19">
        <v>-20.6</v>
      </c>
      <c r="H42" s="44">
        <v>43870</v>
      </c>
      <c r="I42" s="32">
        <v>1675.7</v>
      </c>
      <c r="J42" s="33">
        <v>937</v>
      </c>
      <c r="K42" s="31">
        <v>51</v>
      </c>
      <c r="L42" s="41">
        <v>44509</v>
      </c>
      <c r="M42" s="19">
        <v>22.5</v>
      </c>
      <c r="N42" s="44">
        <v>44423</v>
      </c>
      <c r="O42" s="22">
        <v>506</v>
      </c>
      <c r="P42" s="62">
        <v>2.5</v>
      </c>
    </row>
    <row r="43" spans="1:16" s="4" customFormat="1" ht="12.9" customHeight="1" x14ac:dyDescent="0.15">
      <c r="A43" s="76"/>
      <c r="B43" s="73"/>
      <c r="C43" s="7" t="s">
        <v>18</v>
      </c>
      <c r="D43" s="18">
        <v>8.8000000000000007</v>
      </c>
      <c r="E43" s="19">
        <v>32.4</v>
      </c>
      <c r="F43" s="39">
        <v>44447</v>
      </c>
      <c r="G43" s="19">
        <v>-20</v>
      </c>
      <c r="H43" s="42">
        <v>44561</v>
      </c>
      <c r="I43" s="20">
        <v>1564.8</v>
      </c>
      <c r="J43" s="21">
        <v>1156</v>
      </c>
      <c r="K43" s="19">
        <v>43</v>
      </c>
      <c r="L43" s="39">
        <v>44438</v>
      </c>
      <c r="M43" s="19">
        <v>15.5</v>
      </c>
      <c r="N43" s="42">
        <v>44437</v>
      </c>
      <c r="O43" s="22">
        <v>354</v>
      </c>
      <c r="P43" s="23">
        <v>3.7</v>
      </c>
    </row>
    <row r="44" spans="1:16" s="4" customFormat="1" ht="12.9" customHeight="1" x14ac:dyDescent="0.15">
      <c r="A44" s="77"/>
      <c r="B44" s="74"/>
      <c r="C44" s="7" t="s">
        <v>19</v>
      </c>
      <c r="D44" s="18">
        <v>9.1</v>
      </c>
      <c r="E44" s="19">
        <v>30.6</v>
      </c>
      <c r="F44" s="39">
        <v>44427</v>
      </c>
      <c r="G44" s="19">
        <v>-21.5</v>
      </c>
      <c r="H44" s="43">
        <v>44561</v>
      </c>
      <c r="I44" s="26">
        <v>1560.2</v>
      </c>
      <c r="J44" s="21">
        <v>976</v>
      </c>
      <c r="K44" s="19">
        <v>37</v>
      </c>
      <c r="L44" s="40">
        <v>44438</v>
      </c>
      <c r="M44" s="19">
        <v>11</v>
      </c>
      <c r="N44" s="43">
        <v>44423</v>
      </c>
      <c r="O44" s="22" t="s">
        <v>90</v>
      </c>
      <c r="P44" s="66">
        <v>4.5</v>
      </c>
    </row>
    <row r="45" spans="1:16" s="4" customFormat="1" ht="12.9" customHeight="1" x14ac:dyDescent="0.15">
      <c r="A45" s="75">
        <v>2021</v>
      </c>
      <c r="B45" s="72" t="s">
        <v>92</v>
      </c>
      <c r="C45" s="11" t="s">
        <v>17</v>
      </c>
      <c r="D45" s="30">
        <v>8.6</v>
      </c>
      <c r="E45" s="31">
        <v>35.4</v>
      </c>
      <c r="F45" s="41">
        <v>44770</v>
      </c>
      <c r="G45" s="31">
        <v>-20.2</v>
      </c>
      <c r="H45" s="42">
        <v>44571</v>
      </c>
      <c r="I45" s="20" t="s">
        <v>93</v>
      </c>
      <c r="J45" s="33">
        <v>938.5</v>
      </c>
      <c r="K45" s="31">
        <v>45.5</v>
      </c>
      <c r="L45" s="39">
        <v>44874</v>
      </c>
      <c r="M45" s="31">
        <v>18</v>
      </c>
      <c r="N45" s="42">
        <v>44874</v>
      </c>
      <c r="O45" s="34">
        <v>496</v>
      </c>
      <c r="P45" s="65">
        <v>2.7</v>
      </c>
    </row>
    <row r="46" spans="1:16" s="4" customFormat="1" ht="12.9" customHeight="1" x14ac:dyDescent="0.15">
      <c r="A46" s="76"/>
      <c r="B46" s="73"/>
      <c r="C46" s="7" t="s">
        <v>18</v>
      </c>
      <c r="D46" s="18">
        <v>9</v>
      </c>
      <c r="E46" s="19">
        <v>36.1</v>
      </c>
      <c r="F46" s="39">
        <v>44770</v>
      </c>
      <c r="G46" s="19">
        <v>-15.9</v>
      </c>
      <c r="H46" s="42">
        <v>44623</v>
      </c>
      <c r="I46" s="20" t="s">
        <v>94</v>
      </c>
      <c r="J46" s="21">
        <v>1135.5</v>
      </c>
      <c r="K46" s="19">
        <v>36.5</v>
      </c>
      <c r="L46" s="39">
        <v>44845</v>
      </c>
      <c r="M46" s="19">
        <v>13.5</v>
      </c>
      <c r="N46" s="42">
        <v>44845</v>
      </c>
      <c r="O46" s="22">
        <v>522</v>
      </c>
      <c r="P46" s="23">
        <v>4</v>
      </c>
    </row>
    <row r="47" spans="1:16" s="4" customFormat="1" ht="12.9" customHeight="1" x14ac:dyDescent="0.15">
      <c r="A47" s="77"/>
      <c r="B47" s="73"/>
      <c r="C47" s="8" t="s">
        <v>19</v>
      </c>
      <c r="D47" s="18">
        <v>9.4</v>
      </c>
      <c r="E47" s="25">
        <v>34.1</v>
      </c>
      <c r="F47" s="39">
        <v>44780</v>
      </c>
      <c r="G47" s="19">
        <v>-15.3</v>
      </c>
      <c r="H47" s="42">
        <v>44600</v>
      </c>
      <c r="I47" s="20" t="s">
        <v>95</v>
      </c>
      <c r="J47" s="27">
        <v>1052.5</v>
      </c>
      <c r="K47" s="19">
        <v>39</v>
      </c>
      <c r="L47" s="39">
        <v>44845</v>
      </c>
      <c r="M47" s="25">
        <v>30.5</v>
      </c>
      <c r="N47" s="43">
        <v>44817</v>
      </c>
      <c r="O47" s="22" t="s">
        <v>90</v>
      </c>
      <c r="P47" s="23">
        <v>4.9000000000000004</v>
      </c>
    </row>
    <row r="48" spans="1:16" s="4" customFormat="1" ht="12.9" customHeight="1" x14ac:dyDescent="0.15">
      <c r="A48" s="87">
        <v>2022</v>
      </c>
      <c r="B48" s="72" t="s">
        <v>96</v>
      </c>
      <c r="C48" s="7" t="s">
        <v>17</v>
      </c>
      <c r="D48" s="30">
        <v>8.5</v>
      </c>
      <c r="E48" s="19">
        <v>30.9</v>
      </c>
      <c r="F48" s="41">
        <v>45116</v>
      </c>
      <c r="G48" s="31">
        <v>-18.399999999999999</v>
      </c>
      <c r="H48" s="44">
        <v>44957</v>
      </c>
      <c r="I48" s="32">
        <v>1786.2</v>
      </c>
      <c r="J48" s="21">
        <v>1246.5</v>
      </c>
      <c r="K48" s="31">
        <v>66</v>
      </c>
      <c r="L48" s="41">
        <v>45154</v>
      </c>
      <c r="M48" s="19">
        <v>36</v>
      </c>
      <c r="N48" s="42">
        <v>45146</v>
      </c>
      <c r="O48" s="34">
        <v>527</v>
      </c>
      <c r="P48" s="62">
        <v>2.6</v>
      </c>
    </row>
    <row r="49" spans="1:17" s="4" customFormat="1" ht="12.9" customHeight="1" x14ac:dyDescent="0.15">
      <c r="A49" s="87"/>
      <c r="B49" s="73"/>
      <c r="C49" s="7" t="s">
        <v>18</v>
      </c>
      <c r="D49" s="18">
        <v>8.9</v>
      </c>
      <c r="E49" s="19">
        <v>30.8</v>
      </c>
      <c r="F49" s="39">
        <v>45114</v>
      </c>
      <c r="G49" s="19">
        <v>-17.7</v>
      </c>
      <c r="H49" s="42">
        <v>44957</v>
      </c>
      <c r="I49" s="20">
        <v>1708.7</v>
      </c>
      <c r="J49" s="68">
        <v>1223</v>
      </c>
      <c r="K49" s="70" t="s">
        <v>98</v>
      </c>
      <c r="L49" s="69">
        <v>45124</v>
      </c>
      <c r="M49" s="19">
        <v>24</v>
      </c>
      <c r="N49" s="42">
        <v>45147</v>
      </c>
      <c r="O49" s="22">
        <v>593</v>
      </c>
      <c r="P49" s="23">
        <v>3.8</v>
      </c>
    </row>
    <row r="50" spans="1:17" s="4" customFormat="1" ht="12.9" customHeight="1" thickBot="1" x14ac:dyDescent="0.2">
      <c r="A50" s="97"/>
      <c r="B50" s="99"/>
      <c r="C50" s="47" t="s">
        <v>19</v>
      </c>
      <c r="D50" s="48">
        <v>9.3000000000000007</v>
      </c>
      <c r="E50" s="49">
        <v>30</v>
      </c>
      <c r="F50" s="45">
        <v>45102</v>
      </c>
      <c r="G50" s="49">
        <v>-15</v>
      </c>
      <c r="H50" s="46">
        <v>44957</v>
      </c>
      <c r="I50" s="50">
        <v>1684.1</v>
      </c>
      <c r="J50" s="51">
        <v>1164</v>
      </c>
      <c r="K50" s="49">
        <v>60.5</v>
      </c>
      <c r="L50" s="45">
        <v>45146</v>
      </c>
      <c r="M50" s="49">
        <v>25.5</v>
      </c>
      <c r="N50" s="46">
        <v>45147</v>
      </c>
      <c r="O50" s="52" t="s">
        <v>90</v>
      </c>
      <c r="P50" s="53">
        <v>4.7</v>
      </c>
    </row>
    <row r="51" spans="1:17" s="4" customFormat="1" ht="45" customHeight="1" x14ac:dyDescent="0.15">
      <c r="A51" s="81" t="s">
        <v>97</v>
      </c>
      <c r="B51" s="82"/>
      <c r="C51" s="91" t="s">
        <v>78</v>
      </c>
      <c r="D51" s="78" t="s">
        <v>0</v>
      </c>
      <c r="E51" s="78"/>
      <c r="F51" s="78"/>
      <c r="G51" s="78"/>
      <c r="H51" s="79"/>
      <c r="I51" s="54" t="s">
        <v>1</v>
      </c>
      <c r="J51" s="80" t="s">
        <v>2</v>
      </c>
      <c r="K51" s="80"/>
      <c r="L51" s="80"/>
      <c r="M51" s="80"/>
      <c r="N51" s="80"/>
      <c r="O51" s="2" t="s">
        <v>3</v>
      </c>
      <c r="P51" s="3" t="s">
        <v>4</v>
      </c>
    </row>
    <row r="52" spans="1:17" s="4" customFormat="1" ht="23.25" customHeight="1" x14ac:dyDescent="0.15">
      <c r="A52" s="83"/>
      <c r="B52" s="84"/>
      <c r="C52" s="92"/>
      <c r="D52" s="17" t="s">
        <v>5</v>
      </c>
      <c r="E52" s="15" t="s">
        <v>6</v>
      </c>
      <c r="F52" s="15" t="s">
        <v>7</v>
      </c>
      <c r="G52" s="15" t="s">
        <v>8</v>
      </c>
      <c r="H52" s="16" t="s">
        <v>9</v>
      </c>
      <c r="I52" s="55" t="s">
        <v>10</v>
      </c>
      <c r="J52" s="14" t="s">
        <v>11</v>
      </c>
      <c r="K52" s="15" t="s">
        <v>12</v>
      </c>
      <c r="L52" s="15" t="s">
        <v>13</v>
      </c>
      <c r="M52" s="15" t="s">
        <v>14</v>
      </c>
      <c r="N52" s="16" t="s">
        <v>13</v>
      </c>
      <c r="O52" s="5" t="s">
        <v>15</v>
      </c>
      <c r="P52" s="6" t="s">
        <v>16</v>
      </c>
    </row>
    <row r="53" spans="1:17" s="56" customFormat="1" ht="12.9" customHeight="1" x14ac:dyDescent="0.15">
      <c r="A53" s="85" t="s">
        <v>28</v>
      </c>
      <c r="B53" s="86"/>
      <c r="C53" s="11" t="s">
        <v>17</v>
      </c>
      <c r="D53" s="30">
        <v>-5.5</v>
      </c>
      <c r="E53" s="31">
        <v>1.6</v>
      </c>
      <c r="F53" s="39">
        <v>44945</v>
      </c>
      <c r="G53" s="31">
        <v>-18.399999999999999</v>
      </c>
      <c r="H53" s="42">
        <v>44957</v>
      </c>
      <c r="I53" s="34">
        <v>71.599999999999994</v>
      </c>
      <c r="J53" s="30" t="s">
        <v>99</v>
      </c>
      <c r="K53" s="31" t="s">
        <v>100</v>
      </c>
      <c r="L53" s="39">
        <v>44937</v>
      </c>
      <c r="M53" s="31" t="s">
        <v>101</v>
      </c>
      <c r="N53" s="42">
        <v>44933</v>
      </c>
      <c r="O53" s="34">
        <v>238</v>
      </c>
      <c r="P53" s="35">
        <v>3.4</v>
      </c>
    </row>
    <row r="54" spans="1:17" s="56" customFormat="1" ht="12.9" customHeight="1" x14ac:dyDescent="0.15">
      <c r="A54" s="87"/>
      <c r="B54" s="88"/>
      <c r="C54" s="7" t="s">
        <v>18</v>
      </c>
      <c r="D54" s="18">
        <v>-4.3</v>
      </c>
      <c r="E54" s="19">
        <v>2.2999999999999998</v>
      </c>
      <c r="F54" s="39" t="s">
        <v>105</v>
      </c>
      <c r="G54" s="19">
        <v>-17.7</v>
      </c>
      <c r="H54" s="42">
        <v>44957</v>
      </c>
      <c r="I54" s="38">
        <v>57.1</v>
      </c>
      <c r="J54" s="18">
        <v>112</v>
      </c>
      <c r="K54" s="19">
        <v>23.5</v>
      </c>
      <c r="L54" s="39">
        <v>44938</v>
      </c>
      <c r="M54" s="19">
        <v>4.5</v>
      </c>
      <c r="N54" s="42">
        <v>44938</v>
      </c>
      <c r="O54" s="22">
        <v>187</v>
      </c>
      <c r="P54" s="71" t="s">
        <v>106</v>
      </c>
    </row>
    <row r="55" spans="1:17" s="56" customFormat="1" ht="12.9" customHeight="1" x14ac:dyDescent="0.15">
      <c r="A55" s="89"/>
      <c r="B55" s="90"/>
      <c r="C55" s="7" t="s">
        <v>19</v>
      </c>
      <c r="D55" s="18">
        <v>-3.8</v>
      </c>
      <c r="E55" s="19">
        <v>2.4</v>
      </c>
      <c r="F55" s="40">
        <v>44943</v>
      </c>
      <c r="G55" s="19">
        <v>-15</v>
      </c>
      <c r="H55" s="43">
        <v>44957</v>
      </c>
      <c r="I55" s="38">
        <v>60.1</v>
      </c>
      <c r="J55" s="18">
        <v>79.5</v>
      </c>
      <c r="K55" s="19">
        <v>17.5</v>
      </c>
      <c r="L55" s="40">
        <v>44939</v>
      </c>
      <c r="M55" s="19">
        <v>4</v>
      </c>
      <c r="N55" s="43" t="s">
        <v>118</v>
      </c>
      <c r="O55" s="22" t="s">
        <v>113</v>
      </c>
      <c r="P55" s="23" t="s">
        <v>114</v>
      </c>
    </row>
    <row r="56" spans="1:17" s="56" customFormat="1" ht="12.9" customHeight="1" x14ac:dyDescent="0.15">
      <c r="A56" s="85" t="s">
        <v>29</v>
      </c>
      <c r="B56" s="86"/>
      <c r="C56" s="11" t="s">
        <v>17</v>
      </c>
      <c r="D56" s="30">
        <v>-4.0999999999999996</v>
      </c>
      <c r="E56" s="31">
        <v>8.1</v>
      </c>
      <c r="F56" s="39">
        <v>44983</v>
      </c>
      <c r="G56" s="31">
        <v>-16.399999999999999</v>
      </c>
      <c r="H56" s="42">
        <v>44965</v>
      </c>
      <c r="I56" s="34">
        <v>98.5</v>
      </c>
      <c r="J56" s="30">
        <v>82</v>
      </c>
      <c r="K56" s="31">
        <v>30</v>
      </c>
      <c r="L56" s="39">
        <v>44963</v>
      </c>
      <c r="M56" s="31">
        <v>6</v>
      </c>
      <c r="N56" s="42">
        <v>44963</v>
      </c>
      <c r="O56" s="34">
        <v>129</v>
      </c>
      <c r="P56" s="35">
        <v>3.6</v>
      </c>
    </row>
    <row r="57" spans="1:17" s="56" customFormat="1" ht="12.9" customHeight="1" x14ac:dyDescent="0.15">
      <c r="A57" s="87"/>
      <c r="B57" s="88"/>
      <c r="C57" s="7" t="s">
        <v>18</v>
      </c>
      <c r="D57" s="18">
        <v>-2.4</v>
      </c>
      <c r="E57" s="19">
        <v>7.2</v>
      </c>
      <c r="F57" s="39">
        <v>44983</v>
      </c>
      <c r="G57" s="19">
        <v>-13.1</v>
      </c>
      <c r="H57" s="42">
        <v>44958</v>
      </c>
      <c r="I57" s="38">
        <v>91.9</v>
      </c>
      <c r="J57" s="18" t="s">
        <v>107</v>
      </c>
      <c r="K57" s="19" t="s">
        <v>108</v>
      </c>
      <c r="L57" s="39">
        <v>44977</v>
      </c>
      <c r="M57" s="19" t="s">
        <v>109</v>
      </c>
      <c r="N57" s="42">
        <v>44977</v>
      </c>
      <c r="O57" s="22">
        <v>160</v>
      </c>
      <c r="P57" s="23">
        <v>4.9000000000000004</v>
      </c>
    </row>
    <row r="58" spans="1:17" s="56" customFormat="1" ht="12.9" customHeight="1" x14ac:dyDescent="0.15">
      <c r="A58" s="89"/>
      <c r="B58" s="90"/>
      <c r="C58" s="8" t="s">
        <v>19</v>
      </c>
      <c r="D58" s="24">
        <v>-2.2999999999999998</v>
      </c>
      <c r="E58" s="25">
        <v>6.3</v>
      </c>
      <c r="F58" s="40">
        <v>44983</v>
      </c>
      <c r="G58" s="25">
        <v>-12.7</v>
      </c>
      <c r="H58" s="43">
        <v>44968</v>
      </c>
      <c r="I58" s="37">
        <v>80.8</v>
      </c>
      <c r="J58" s="24">
        <v>75</v>
      </c>
      <c r="K58" s="25">
        <v>27.5</v>
      </c>
      <c r="L58" s="40">
        <v>44964</v>
      </c>
      <c r="M58" s="25">
        <v>4</v>
      </c>
      <c r="N58" s="43">
        <v>44964</v>
      </c>
      <c r="O58" s="22" t="s">
        <v>113</v>
      </c>
      <c r="P58" s="29">
        <v>6</v>
      </c>
    </row>
    <row r="59" spans="1:17" s="56" customFormat="1" ht="12.9" customHeight="1" x14ac:dyDescent="0.15">
      <c r="A59" s="85" t="s">
        <v>30</v>
      </c>
      <c r="B59" s="86"/>
      <c r="C59" s="11" t="s">
        <v>17</v>
      </c>
      <c r="D59" s="30">
        <v>0.8</v>
      </c>
      <c r="E59" s="31">
        <v>10.199999999999999</v>
      </c>
      <c r="F59" s="39">
        <v>45014</v>
      </c>
      <c r="G59" s="63">
        <v>-9.5</v>
      </c>
      <c r="H59" s="42">
        <v>44987</v>
      </c>
      <c r="I59" s="34">
        <v>138.6</v>
      </c>
      <c r="J59" s="30">
        <v>40</v>
      </c>
      <c r="K59" s="31">
        <v>7</v>
      </c>
      <c r="L59" s="39">
        <v>45000</v>
      </c>
      <c r="M59" s="31">
        <v>3</v>
      </c>
      <c r="N59" s="44">
        <v>44997</v>
      </c>
      <c r="O59" s="34">
        <v>38</v>
      </c>
      <c r="P59" s="35">
        <v>2.7</v>
      </c>
    </row>
    <row r="60" spans="1:17" s="56" customFormat="1" ht="12.9" customHeight="1" x14ac:dyDescent="0.15">
      <c r="A60" s="87"/>
      <c r="B60" s="88"/>
      <c r="C60" s="7" t="s">
        <v>18</v>
      </c>
      <c r="D60" s="18">
        <v>1.7</v>
      </c>
      <c r="E60" s="19">
        <v>10.5</v>
      </c>
      <c r="F60" s="39">
        <v>45014</v>
      </c>
      <c r="G60" s="19">
        <v>-9.1</v>
      </c>
      <c r="H60" s="42">
        <v>44986</v>
      </c>
      <c r="I60" s="38">
        <v>135.5</v>
      </c>
      <c r="J60" s="18">
        <v>44</v>
      </c>
      <c r="K60" s="19">
        <v>8.5</v>
      </c>
      <c r="L60" s="39">
        <v>45011</v>
      </c>
      <c r="M60" s="19">
        <v>3.5</v>
      </c>
      <c r="N60" s="42">
        <v>45011</v>
      </c>
      <c r="O60" s="22">
        <v>33</v>
      </c>
      <c r="P60" s="23" t="s">
        <v>110</v>
      </c>
    </row>
    <row r="61" spans="1:17" s="56" customFormat="1" ht="12.9" customHeight="1" x14ac:dyDescent="0.15">
      <c r="A61" s="89"/>
      <c r="B61" s="90"/>
      <c r="C61" s="8" t="s">
        <v>19</v>
      </c>
      <c r="D61" s="24">
        <v>1.9</v>
      </c>
      <c r="E61" s="25">
        <v>10.199999999999999</v>
      </c>
      <c r="F61" s="40">
        <v>45014</v>
      </c>
      <c r="G61" s="25">
        <v>-8.8000000000000007</v>
      </c>
      <c r="H61" s="43">
        <v>44986</v>
      </c>
      <c r="I61" s="37">
        <v>107</v>
      </c>
      <c r="J61" s="24">
        <v>45.5</v>
      </c>
      <c r="K61" s="25">
        <v>10</v>
      </c>
      <c r="L61" s="40">
        <v>44986</v>
      </c>
      <c r="M61" s="25">
        <v>3</v>
      </c>
      <c r="N61" s="43" t="s">
        <v>115</v>
      </c>
      <c r="O61" s="28" t="s">
        <v>113</v>
      </c>
      <c r="P61" s="29">
        <v>4.7</v>
      </c>
    </row>
    <row r="62" spans="1:17" s="56" customFormat="1" ht="12.9" customHeight="1" x14ac:dyDescent="0.15">
      <c r="A62" s="85" t="s">
        <v>31</v>
      </c>
      <c r="B62" s="86"/>
      <c r="C62" s="7" t="s">
        <v>17</v>
      </c>
      <c r="D62" s="18">
        <v>6.8</v>
      </c>
      <c r="E62" s="19">
        <v>24.3</v>
      </c>
      <c r="F62" s="39">
        <v>45037</v>
      </c>
      <c r="G62" s="67">
        <v>-5.2</v>
      </c>
      <c r="H62" s="42">
        <v>45018</v>
      </c>
      <c r="I62" s="22">
        <v>231.7</v>
      </c>
      <c r="J62" s="18">
        <v>14</v>
      </c>
      <c r="K62" s="19">
        <v>2.5</v>
      </c>
      <c r="L62" s="39" t="s">
        <v>103</v>
      </c>
      <c r="M62" s="19">
        <v>1.5</v>
      </c>
      <c r="N62" s="42" t="s">
        <v>102</v>
      </c>
      <c r="O62" s="22">
        <v>7</v>
      </c>
      <c r="P62" s="23">
        <v>3</v>
      </c>
    </row>
    <row r="63" spans="1:17" s="57" customFormat="1" ht="12.9" customHeight="1" x14ac:dyDescent="0.15">
      <c r="A63" s="87"/>
      <c r="B63" s="88"/>
      <c r="C63" s="7" t="s">
        <v>18</v>
      </c>
      <c r="D63" s="18">
        <v>6.5</v>
      </c>
      <c r="E63" s="19">
        <v>22.4</v>
      </c>
      <c r="F63" s="39">
        <v>45037</v>
      </c>
      <c r="G63" s="19">
        <v>-3.5</v>
      </c>
      <c r="H63" s="42">
        <v>45018</v>
      </c>
      <c r="I63" s="38">
        <v>222.3</v>
      </c>
      <c r="J63" s="18">
        <v>13.5</v>
      </c>
      <c r="K63" s="19">
        <v>4</v>
      </c>
      <c r="L63" s="39">
        <v>45034</v>
      </c>
      <c r="M63" s="19">
        <v>2.5</v>
      </c>
      <c r="N63" s="42">
        <v>45034</v>
      </c>
      <c r="O63" s="22">
        <v>5</v>
      </c>
      <c r="P63" s="23">
        <v>4.0999999999999996</v>
      </c>
      <c r="Q63" s="56"/>
    </row>
    <row r="64" spans="1:17" s="57" customFormat="1" ht="12.9" customHeight="1" x14ac:dyDescent="0.15">
      <c r="A64" s="89"/>
      <c r="B64" s="90"/>
      <c r="C64" s="7" t="s">
        <v>19</v>
      </c>
      <c r="D64" s="18">
        <v>7</v>
      </c>
      <c r="E64" s="19">
        <v>22</v>
      </c>
      <c r="F64" s="40">
        <v>45037</v>
      </c>
      <c r="G64" s="19">
        <v>-3.2</v>
      </c>
      <c r="H64" s="43">
        <v>45017</v>
      </c>
      <c r="I64" s="38">
        <v>223.1</v>
      </c>
      <c r="J64" s="18">
        <v>14.5</v>
      </c>
      <c r="K64" s="19">
        <v>5</v>
      </c>
      <c r="L64" s="40">
        <v>45034</v>
      </c>
      <c r="M64" s="19">
        <v>3.5</v>
      </c>
      <c r="N64" s="43">
        <v>45034</v>
      </c>
      <c r="O64" s="22" t="s">
        <v>116</v>
      </c>
      <c r="P64" s="23">
        <v>4.5999999999999996</v>
      </c>
    </row>
    <row r="65" spans="1:17" s="1" customFormat="1" ht="12.9" customHeight="1" x14ac:dyDescent="0.2">
      <c r="A65" s="85" t="s">
        <v>32</v>
      </c>
      <c r="B65" s="86"/>
      <c r="C65" s="11" t="s">
        <v>17</v>
      </c>
      <c r="D65" s="30">
        <v>13</v>
      </c>
      <c r="E65" s="31">
        <v>28.3</v>
      </c>
      <c r="F65" s="39">
        <v>45052</v>
      </c>
      <c r="G65" s="31">
        <v>1.1000000000000001</v>
      </c>
      <c r="H65" s="42">
        <v>45055</v>
      </c>
      <c r="I65" s="34">
        <v>215.3</v>
      </c>
      <c r="J65" s="30">
        <v>70</v>
      </c>
      <c r="K65" s="31">
        <v>34.5</v>
      </c>
      <c r="L65" s="39">
        <v>45073</v>
      </c>
      <c r="M65" s="31">
        <v>11.5</v>
      </c>
      <c r="N65" s="42">
        <v>45073</v>
      </c>
      <c r="O65" s="34">
        <v>0</v>
      </c>
      <c r="P65" s="35">
        <v>2.8</v>
      </c>
      <c r="Q65" s="58"/>
    </row>
    <row r="66" spans="1:17" s="58" customFormat="1" ht="12.9" customHeight="1" x14ac:dyDescent="0.2">
      <c r="A66" s="87"/>
      <c r="B66" s="88"/>
      <c r="C66" s="7" t="s">
        <v>18</v>
      </c>
      <c r="D66" s="18">
        <v>13</v>
      </c>
      <c r="E66" s="19">
        <v>27</v>
      </c>
      <c r="F66" s="39">
        <v>45072</v>
      </c>
      <c r="G66" s="19">
        <v>2.1</v>
      </c>
      <c r="H66" s="42">
        <v>45047</v>
      </c>
      <c r="I66" s="36">
        <v>218.6</v>
      </c>
      <c r="J66" s="18">
        <v>94</v>
      </c>
      <c r="K66" s="19">
        <v>21</v>
      </c>
      <c r="L66" s="39">
        <v>45074</v>
      </c>
      <c r="M66" s="19">
        <v>9.5</v>
      </c>
      <c r="N66" s="42">
        <v>45074</v>
      </c>
      <c r="O66" s="22">
        <v>0</v>
      </c>
      <c r="P66" s="23">
        <v>3.9</v>
      </c>
    </row>
    <row r="67" spans="1:17" s="58" customFormat="1" ht="12.9" customHeight="1" x14ac:dyDescent="0.2">
      <c r="A67" s="89"/>
      <c r="B67" s="90"/>
      <c r="C67" s="8" t="s">
        <v>19</v>
      </c>
      <c r="D67" s="24">
        <v>13.2</v>
      </c>
      <c r="E67" s="25">
        <v>28</v>
      </c>
      <c r="F67" s="40">
        <v>45072</v>
      </c>
      <c r="G67" s="25">
        <v>2.8</v>
      </c>
      <c r="H67" s="43">
        <v>45047</v>
      </c>
      <c r="I67" s="37">
        <v>214.7</v>
      </c>
      <c r="J67" s="24">
        <v>113</v>
      </c>
      <c r="K67" s="25">
        <v>25.5</v>
      </c>
      <c r="L67" s="40" t="s">
        <v>117</v>
      </c>
      <c r="M67" s="25">
        <v>10</v>
      </c>
      <c r="N67" s="43" t="s">
        <v>117</v>
      </c>
      <c r="O67" s="22" t="s">
        <v>116</v>
      </c>
      <c r="P67" s="29">
        <v>4.5</v>
      </c>
    </row>
    <row r="68" spans="1:17" s="58" customFormat="1" ht="12.9" customHeight="1" x14ac:dyDescent="0.2">
      <c r="A68" s="85" t="s">
        <v>33</v>
      </c>
      <c r="B68" s="86"/>
      <c r="C68" s="11" t="s">
        <v>17</v>
      </c>
      <c r="D68" s="30">
        <v>15.4</v>
      </c>
      <c r="E68" s="31">
        <v>30.8</v>
      </c>
      <c r="F68" s="39">
        <v>45102</v>
      </c>
      <c r="G68" s="31">
        <v>4.2</v>
      </c>
      <c r="H68" s="42">
        <v>45082</v>
      </c>
      <c r="I68" s="34">
        <v>170.5</v>
      </c>
      <c r="J68" s="30">
        <v>93</v>
      </c>
      <c r="K68" s="31">
        <v>24.5</v>
      </c>
      <c r="L68" s="39">
        <v>45105</v>
      </c>
      <c r="M68" s="31">
        <v>10</v>
      </c>
      <c r="N68" s="42">
        <v>45105</v>
      </c>
      <c r="O68" s="34">
        <v>0</v>
      </c>
      <c r="P68" s="35">
        <v>2.2999999999999998</v>
      </c>
    </row>
    <row r="69" spans="1:17" s="58" customFormat="1" ht="12.9" customHeight="1" x14ac:dyDescent="0.2">
      <c r="A69" s="87"/>
      <c r="B69" s="88"/>
      <c r="C69" s="7" t="s">
        <v>18</v>
      </c>
      <c r="D69" s="18">
        <v>15.9</v>
      </c>
      <c r="E69" s="19">
        <v>29.5</v>
      </c>
      <c r="F69" s="39">
        <v>45103</v>
      </c>
      <c r="G69" s="19">
        <v>5</v>
      </c>
      <c r="H69" s="42">
        <v>45084</v>
      </c>
      <c r="I69" s="38">
        <v>171</v>
      </c>
      <c r="J69" s="18">
        <v>111.5</v>
      </c>
      <c r="K69" s="19">
        <v>32</v>
      </c>
      <c r="L69" s="39">
        <v>45106</v>
      </c>
      <c r="M69" s="19">
        <v>15</v>
      </c>
      <c r="N69" s="42">
        <v>45106</v>
      </c>
      <c r="O69" s="22">
        <v>0</v>
      </c>
      <c r="P69" s="23">
        <v>3.1</v>
      </c>
    </row>
    <row r="70" spans="1:17" s="60" customFormat="1" ht="12.9" customHeight="1" x14ac:dyDescent="0.2">
      <c r="A70" s="89"/>
      <c r="B70" s="90"/>
      <c r="C70" s="8" t="s">
        <v>19</v>
      </c>
      <c r="D70" s="24">
        <v>16</v>
      </c>
      <c r="E70" s="25">
        <v>30</v>
      </c>
      <c r="F70" s="40">
        <v>45102</v>
      </c>
      <c r="G70" s="25">
        <v>6.5</v>
      </c>
      <c r="H70" s="43">
        <v>45084</v>
      </c>
      <c r="I70" s="59">
        <v>175.2</v>
      </c>
      <c r="J70" s="24">
        <v>140.5</v>
      </c>
      <c r="K70" s="25">
        <v>50</v>
      </c>
      <c r="L70" s="40">
        <v>45106</v>
      </c>
      <c r="M70" s="25">
        <v>17.5</v>
      </c>
      <c r="N70" s="42">
        <v>45106</v>
      </c>
      <c r="O70" s="22" t="s">
        <v>116</v>
      </c>
      <c r="P70" s="23">
        <v>3.5</v>
      </c>
    </row>
    <row r="71" spans="1:17" s="58" customFormat="1" ht="12.9" customHeight="1" x14ac:dyDescent="0.2">
      <c r="A71" s="85" t="s">
        <v>34</v>
      </c>
      <c r="B71" s="86"/>
      <c r="C71" s="7" t="s">
        <v>17</v>
      </c>
      <c r="D71" s="18">
        <v>21.5</v>
      </c>
      <c r="E71" s="19">
        <v>30.9</v>
      </c>
      <c r="F71" s="39">
        <v>45116</v>
      </c>
      <c r="G71" s="19">
        <v>14.4</v>
      </c>
      <c r="H71" s="42">
        <v>45108</v>
      </c>
      <c r="I71" s="22">
        <v>182.8</v>
      </c>
      <c r="J71" s="18">
        <v>68</v>
      </c>
      <c r="K71" s="19">
        <v>47.5</v>
      </c>
      <c r="L71" s="39">
        <v>45124</v>
      </c>
      <c r="M71" s="19">
        <v>8</v>
      </c>
      <c r="N71" s="44">
        <v>45124</v>
      </c>
      <c r="O71" s="34">
        <v>0</v>
      </c>
      <c r="P71" s="35">
        <v>1.8</v>
      </c>
    </row>
    <row r="72" spans="1:17" s="58" customFormat="1" ht="12.9" customHeight="1" x14ac:dyDescent="0.2">
      <c r="A72" s="87"/>
      <c r="B72" s="88"/>
      <c r="C72" s="7" t="s">
        <v>18</v>
      </c>
      <c r="D72" s="18">
        <v>21.8</v>
      </c>
      <c r="E72" s="19">
        <v>30.8</v>
      </c>
      <c r="F72" s="39" t="s">
        <v>111</v>
      </c>
      <c r="G72" s="19">
        <v>15.1</v>
      </c>
      <c r="H72" s="42">
        <v>45126</v>
      </c>
      <c r="I72" s="38">
        <v>187.1</v>
      </c>
      <c r="J72" s="18">
        <v>70</v>
      </c>
      <c r="K72" s="19">
        <v>52.5</v>
      </c>
      <c r="L72" s="39">
        <v>45124</v>
      </c>
      <c r="M72" s="19">
        <v>13.5</v>
      </c>
      <c r="N72" s="42">
        <v>45124</v>
      </c>
      <c r="O72" s="22">
        <v>0</v>
      </c>
      <c r="P72" s="23">
        <v>2.6</v>
      </c>
    </row>
    <row r="73" spans="1:17" s="58" customFormat="1" ht="12.9" customHeight="1" x14ac:dyDescent="0.2">
      <c r="A73" s="89"/>
      <c r="B73" s="90"/>
      <c r="C73" s="7" t="s">
        <v>19</v>
      </c>
      <c r="D73" s="18">
        <v>21.8</v>
      </c>
      <c r="E73" s="19">
        <v>29.8</v>
      </c>
      <c r="F73" s="40">
        <v>45111</v>
      </c>
      <c r="G73" s="19">
        <v>15.6</v>
      </c>
      <c r="H73" s="43">
        <v>45126</v>
      </c>
      <c r="I73" s="38">
        <v>215.8</v>
      </c>
      <c r="J73" s="18">
        <v>75</v>
      </c>
      <c r="K73" s="19">
        <v>45</v>
      </c>
      <c r="L73" s="40">
        <v>45124</v>
      </c>
      <c r="M73" s="19">
        <v>9.5</v>
      </c>
      <c r="N73" s="43">
        <v>45120</v>
      </c>
      <c r="O73" s="22" t="s">
        <v>116</v>
      </c>
      <c r="P73" s="23">
        <v>2.8</v>
      </c>
    </row>
    <row r="74" spans="1:17" s="58" customFormat="1" ht="12.9" customHeight="1" x14ac:dyDescent="0.2">
      <c r="A74" s="85" t="s">
        <v>35</v>
      </c>
      <c r="B74" s="86"/>
      <c r="C74" s="11" t="s">
        <v>17</v>
      </c>
      <c r="D74" s="30">
        <v>21.1</v>
      </c>
      <c r="E74" s="31">
        <v>29.2</v>
      </c>
      <c r="F74" s="39">
        <v>45150</v>
      </c>
      <c r="G74" s="31">
        <v>12.9</v>
      </c>
      <c r="H74" s="42">
        <v>45160</v>
      </c>
      <c r="I74" s="34">
        <v>142.69999999999999</v>
      </c>
      <c r="J74" s="30">
        <v>239.5</v>
      </c>
      <c r="K74" s="31">
        <v>66</v>
      </c>
      <c r="L74" s="39">
        <v>45154</v>
      </c>
      <c r="M74" s="31">
        <v>36</v>
      </c>
      <c r="N74" s="42">
        <v>45146</v>
      </c>
      <c r="O74" s="34">
        <v>0</v>
      </c>
      <c r="P74" s="35">
        <v>2.1</v>
      </c>
    </row>
    <row r="75" spans="1:17" s="58" customFormat="1" ht="12.9" customHeight="1" x14ac:dyDescent="0.2">
      <c r="A75" s="87"/>
      <c r="B75" s="88"/>
      <c r="C75" s="7" t="s">
        <v>18</v>
      </c>
      <c r="D75" s="18">
        <v>21.2</v>
      </c>
      <c r="E75" s="19">
        <v>30</v>
      </c>
      <c r="F75" s="39">
        <v>45149</v>
      </c>
      <c r="G75" s="19">
        <v>12.6</v>
      </c>
      <c r="H75" s="42">
        <v>45160</v>
      </c>
      <c r="I75" s="38">
        <v>142.19999999999999</v>
      </c>
      <c r="J75" s="18">
        <v>185</v>
      </c>
      <c r="K75" s="19">
        <v>52</v>
      </c>
      <c r="L75" s="39">
        <v>45139</v>
      </c>
      <c r="M75" s="19">
        <v>24</v>
      </c>
      <c r="N75" s="42">
        <v>45147</v>
      </c>
      <c r="O75" s="22">
        <v>0</v>
      </c>
      <c r="P75" s="23">
        <v>3</v>
      </c>
    </row>
    <row r="76" spans="1:17" s="58" customFormat="1" ht="12.9" customHeight="1" x14ac:dyDescent="0.2">
      <c r="A76" s="89"/>
      <c r="B76" s="90"/>
      <c r="C76" s="8" t="s">
        <v>19</v>
      </c>
      <c r="D76" s="24">
        <v>21.5</v>
      </c>
      <c r="E76" s="25">
        <v>29</v>
      </c>
      <c r="F76" s="40">
        <v>45160</v>
      </c>
      <c r="G76" s="25">
        <v>13.4</v>
      </c>
      <c r="H76" s="43">
        <v>45160</v>
      </c>
      <c r="I76" s="37">
        <v>156.80000000000001</v>
      </c>
      <c r="J76" s="24">
        <v>207</v>
      </c>
      <c r="K76" s="25">
        <v>605</v>
      </c>
      <c r="L76" s="40">
        <v>45146</v>
      </c>
      <c r="M76" s="25">
        <v>25.5</v>
      </c>
      <c r="N76" s="43">
        <v>45147</v>
      </c>
      <c r="O76" s="22" t="s">
        <v>116</v>
      </c>
      <c r="P76" s="29">
        <v>3.8</v>
      </c>
    </row>
    <row r="77" spans="1:17" s="58" customFormat="1" ht="12.9" customHeight="1" x14ac:dyDescent="0.2">
      <c r="A77" s="85" t="s">
        <v>36</v>
      </c>
      <c r="B77" s="86"/>
      <c r="C77" s="11" t="s">
        <v>17</v>
      </c>
      <c r="D77" s="30">
        <v>18.100000000000001</v>
      </c>
      <c r="E77" s="31">
        <v>28.8</v>
      </c>
      <c r="F77" s="39">
        <v>45178</v>
      </c>
      <c r="G77" s="31">
        <v>5.9</v>
      </c>
      <c r="H77" s="42">
        <v>45191</v>
      </c>
      <c r="I77" s="34">
        <v>200.6</v>
      </c>
      <c r="J77" s="30">
        <v>103</v>
      </c>
      <c r="K77" s="31">
        <v>42</v>
      </c>
      <c r="L77" s="39">
        <v>45188</v>
      </c>
      <c r="M77" s="31">
        <v>13</v>
      </c>
      <c r="N77" s="42">
        <v>45188</v>
      </c>
      <c r="O77" s="34">
        <v>0</v>
      </c>
      <c r="P77" s="35">
        <v>2</v>
      </c>
    </row>
    <row r="78" spans="1:17" s="58" customFormat="1" ht="12.9" customHeight="1" x14ac:dyDescent="0.2">
      <c r="A78" s="87"/>
      <c r="B78" s="88"/>
      <c r="C78" s="7" t="s">
        <v>18</v>
      </c>
      <c r="D78" s="18">
        <v>17.899999999999999</v>
      </c>
      <c r="E78" s="19">
        <v>28.6</v>
      </c>
      <c r="F78" s="39">
        <v>45182</v>
      </c>
      <c r="G78" s="19">
        <v>5.3</v>
      </c>
      <c r="H78" s="42">
        <v>45191</v>
      </c>
      <c r="I78" s="38">
        <v>200.1</v>
      </c>
      <c r="J78" s="18">
        <v>88.5</v>
      </c>
      <c r="K78" s="19">
        <v>40.5</v>
      </c>
      <c r="L78" s="39">
        <v>45188</v>
      </c>
      <c r="M78" s="19">
        <v>15</v>
      </c>
      <c r="N78" s="42">
        <v>45188</v>
      </c>
      <c r="O78" s="22">
        <v>0</v>
      </c>
      <c r="P78" s="23">
        <v>3.1</v>
      </c>
    </row>
    <row r="79" spans="1:17" s="58" customFormat="1" ht="12.9" customHeight="1" x14ac:dyDescent="0.2">
      <c r="A79" s="89"/>
      <c r="B79" s="90"/>
      <c r="C79" s="8" t="s">
        <v>19</v>
      </c>
      <c r="D79" s="24">
        <v>18.399999999999999</v>
      </c>
      <c r="E79" s="25">
        <v>27</v>
      </c>
      <c r="F79" s="40">
        <v>45182</v>
      </c>
      <c r="G79" s="25">
        <v>6.2</v>
      </c>
      <c r="H79" s="43">
        <v>45191</v>
      </c>
      <c r="I79" s="37">
        <v>197.9</v>
      </c>
      <c r="J79" s="24">
        <v>95.5</v>
      </c>
      <c r="K79" s="25">
        <v>57</v>
      </c>
      <c r="L79" s="40">
        <v>45188</v>
      </c>
      <c r="M79" s="25">
        <v>17.5</v>
      </c>
      <c r="N79" s="42">
        <v>45188</v>
      </c>
      <c r="O79" s="22" t="s">
        <v>116</v>
      </c>
      <c r="P79" s="23">
        <v>3.9</v>
      </c>
    </row>
    <row r="80" spans="1:17" s="58" customFormat="1" ht="12.9" customHeight="1" x14ac:dyDescent="0.2">
      <c r="A80" s="85" t="s">
        <v>37</v>
      </c>
      <c r="B80" s="86"/>
      <c r="C80" s="7" t="s">
        <v>17</v>
      </c>
      <c r="D80" s="18">
        <v>11.1</v>
      </c>
      <c r="E80" s="19">
        <v>26.1</v>
      </c>
      <c r="F80" s="39">
        <v>45200</v>
      </c>
      <c r="G80" s="19">
        <v>-2</v>
      </c>
      <c r="H80" s="42">
        <v>45224</v>
      </c>
      <c r="I80" s="22">
        <v>171</v>
      </c>
      <c r="J80" s="18">
        <v>123.5</v>
      </c>
      <c r="K80" s="19">
        <v>43.5</v>
      </c>
      <c r="L80" s="39">
        <v>45222</v>
      </c>
      <c r="M80" s="19">
        <v>10</v>
      </c>
      <c r="N80" s="44">
        <v>45203</v>
      </c>
      <c r="O80" s="34">
        <v>0</v>
      </c>
      <c r="P80" s="35">
        <v>1.9</v>
      </c>
    </row>
    <row r="81" spans="1:16" s="58" customFormat="1" ht="12.9" customHeight="1" x14ac:dyDescent="0.2">
      <c r="A81" s="87"/>
      <c r="B81" s="88"/>
      <c r="C81" s="7" t="s">
        <v>18</v>
      </c>
      <c r="D81" s="18">
        <v>11.3</v>
      </c>
      <c r="E81" s="19">
        <v>27.2</v>
      </c>
      <c r="F81" s="39">
        <v>45200</v>
      </c>
      <c r="G81" s="19">
        <v>-1.4</v>
      </c>
      <c r="H81" s="42">
        <v>45225</v>
      </c>
      <c r="I81" s="38">
        <v>158.9</v>
      </c>
      <c r="J81" s="18">
        <v>138.5</v>
      </c>
      <c r="K81" s="19">
        <v>36.5</v>
      </c>
      <c r="L81" s="39">
        <v>45203</v>
      </c>
      <c r="M81" s="19">
        <v>9</v>
      </c>
      <c r="N81" s="42">
        <v>45203</v>
      </c>
      <c r="O81" s="22" t="s">
        <v>112</v>
      </c>
      <c r="P81" s="23">
        <v>3.3</v>
      </c>
    </row>
    <row r="82" spans="1:16" s="58" customFormat="1" ht="12.9" customHeight="1" x14ac:dyDescent="0.2">
      <c r="A82" s="89"/>
      <c r="B82" s="90"/>
      <c r="C82" s="7" t="s">
        <v>19</v>
      </c>
      <c r="D82" s="18">
        <v>11.7</v>
      </c>
      <c r="E82" s="19">
        <v>28</v>
      </c>
      <c r="F82" s="40">
        <v>45200</v>
      </c>
      <c r="G82" s="19">
        <v>-1.3</v>
      </c>
      <c r="H82" s="43">
        <v>45224</v>
      </c>
      <c r="I82" s="38">
        <v>148.80000000000001</v>
      </c>
      <c r="J82" s="18">
        <v>123</v>
      </c>
      <c r="K82" s="19">
        <v>29.5</v>
      </c>
      <c r="L82" s="40">
        <v>45203</v>
      </c>
      <c r="M82" s="19">
        <v>7.5</v>
      </c>
      <c r="N82" s="43">
        <v>45203</v>
      </c>
      <c r="O82" s="22" t="s">
        <v>116</v>
      </c>
      <c r="P82" s="23">
        <v>4.5</v>
      </c>
    </row>
    <row r="83" spans="1:16" s="58" customFormat="1" ht="12.9" customHeight="1" x14ac:dyDescent="0.2">
      <c r="A83" s="85" t="s">
        <v>38</v>
      </c>
      <c r="B83" s="86"/>
      <c r="C83" s="11" t="s">
        <v>17</v>
      </c>
      <c r="D83" s="30">
        <v>5.8</v>
      </c>
      <c r="E83" s="31">
        <v>15.4</v>
      </c>
      <c r="F83" s="39">
        <v>45231</v>
      </c>
      <c r="G83" s="63" t="s">
        <v>104</v>
      </c>
      <c r="H83" s="42">
        <v>45260</v>
      </c>
      <c r="I83" s="34">
        <v>80.599999999999994</v>
      </c>
      <c r="J83" s="30">
        <v>127</v>
      </c>
      <c r="K83" s="31">
        <v>22</v>
      </c>
      <c r="L83" s="39">
        <v>45246</v>
      </c>
      <c r="M83" s="31">
        <v>10.5</v>
      </c>
      <c r="N83" s="42">
        <v>45243</v>
      </c>
      <c r="O83" s="34">
        <v>5</v>
      </c>
      <c r="P83" s="35">
        <v>2.7</v>
      </c>
    </row>
    <row r="84" spans="1:16" s="58" customFormat="1" ht="12.9" customHeight="1" x14ac:dyDescent="0.2">
      <c r="A84" s="87"/>
      <c r="B84" s="88"/>
      <c r="C84" s="7" t="s">
        <v>18</v>
      </c>
      <c r="D84" s="18">
        <v>6.3</v>
      </c>
      <c r="E84" s="19">
        <v>15.9</v>
      </c>
      <c r="F84" s="39">
        <v>45243</v>
      </c>
      <c r="G84" s="19">
        <v>-3.9</v>
      </c>
      <c r="H84" s="42">
        <v>45260</v>
      </c>
      <c r="I84" s="38">
        <v>86.2</v>
      </c>
      <c r="J84" s="18">
        <v>110.5</v>
      </c>
      <c r="K84" s="19">
        <v>20</v>
      </c>
      <c r="L84" s="39">
        <v>45246</v>
      </c>
      <c r="M84" s="19">
        <v>7</v>
      </c>
      <c r="N84" s="42">
        <v>45243</v>
      </c>
      <c r="O84" s="22">
        <v>6</v>
      </c>
      <c r="P84" s="23">
        <v>4.3</v>
      </c>
    </row>
    <row r="85" spans="1:16" s="58" customFormat="1" ht="12.9" customHeight="1" x14ac:dyDescent="0.2">
      <c r="A85" s="89"/>
      <c r="B85" s="90"/>
      <c r="C85" s="8" t="s">
        <v>19</v>
      </c>
      <c r="D85" s="24">
        <v>6.8</v>
      </c>
      <c r="E85" s="25">
        <v>16.5</v>
      </c>
      <c r="F85" s="40">
        <v>45243</v>
      </c>
      <c r="G85" s="64">
        <v>-3.1</v>
      </c>
      <c r="H85" s="43">
        <v>45260</v>
      </c>
      <c r="I85" s="28">
        <v>75.599999999999994</v>
      </c>
      <c r="J85" s="24">
        <v>107.5</v>
      </c>
      <c r="K85" s="25">
        <v>20.5</v>
      </c>
      <c r="L85" s="40">
        <v>45243</v>
      </c>
      <c r="M85" s="25">
        <v>9.5</v>
      </c>
      <c r="N85" s="43">
        <v>45256</v>
      </c>
      <c r="O85" s="22" t="s">
        <v>116</v>
      </c>
      <c r="P85" s="29">
        <v>5.6</v>
      </c>
    </row>
    <row r="86" spans="1:16" s="58" customFormat="1" ht="12.9" customHeight="1" x14ac:dyDescent="0.2">
      <c r="A86" s="85" t="s">
        <v>39</v>
      </c>
      <c r="B86" s="86"/>
      <c r="C86" s="11" t="s">
        <v>17</v>
      </c>
      <c r="D86" s="30">
        <v>-2.5</v>
      </c>
      <c r="E86" s="31">
        <v>7.8</v>
      </c>
      <c r="F86" s="41">
        <v>45273</v>
      </c>
      <c r="G86" s="31">
        <v>-10.4</v>
      </c>
      <c r="H86" s="44">
        <v>45282</v>
      </c>
      <c r="I86" s="34">
        <v>82.3</v>
      </c>
      <c r="J86" s="30">
        <v>111</v>
      </c>
      <c r="K86" s="31">
        <v>31.5</v>
      </c>
      <c r="L86" s="41">
        <v>45283</v>
      </c>
      <c r="M86" s="31">
        <v>6</v>
      </c>
      <c r="N86" s="44">
        <v>45283</v>
      </c>
      <c r="O86" s="34">
        <v>110</v>
      </c>
      <c r="P86" s="35">
        <v>3</v>
      </c>
    </row>
    <row r="87" spans="1:16" s="58" customFormat="1" ht="12.9" customHeight="1" x14ac:dyDescent="0.2">
      <c r="A87" s="87"/>
      <c r="B87" s="88"/>
      <c r="C87" s="7" t="s">
        <v>18</v>
      </c>
      <c r="D87" s="18">
        <v>-1.6</v>
      </c>
      <c r="E87" s="19">
        <v>6.9</v>
      </c>
      <c r="F87" s="39">
        <v>45273</v>
      </c>
      <c r="G87" s="19">
        <v>-8.1999999999999993</v>
      </c>
      <c r="H87" s="42">
        <v>45282</v>
      </c>
      <c r="I87" s="22">
        <v>37.799999999999997</v>
      </c>
      <c r="J87" s="18">
        <v>174</v>
      </c>
      <c r="K87" s="19">
        <v>16.5</v>
      </c>
      <c r="L87" s="39">
        <v>45276</v>
      </c>
      <c r="M87" s="19">
        <v>5</v>
      </c>
      <c r="N87" s="42">
        <v>45271</v>
      </c>
      <c r="O87" s="22">
        <v>235</v>
      </c>
      <c r="P87" s="23">
        <v>5.2</v>
      </c>
    </row>
    <row r="88" spans="1:16" s="58" customFormat="1" ht="12.9" customHeight="1" thickBot="1" x14ac:dyDescent="0.25">
      <c r="A88" s="97"/>
      <c r="B88" s="98"/>
      <c r="C88" s="47" t="s">
        <v>19</v>
      </c>
      <c r="D88" s="48">
        <v>-1</v>
      </c>
      <c r="E88" s="49">
        <v>7.7</v>
      </c>
      <c r="F88" s="45">
        <v>45273</v>
      </c>
      <c r="G88" s="49">
        <v>-7.2</v>
      </c>
      <c r="H88" s="46">
        <v>45279</v>
      </c>
      <c r="I88" s="52">
        <v>28.3</v>
      </c>
      <c r="J88" s="48">
        <v>88</v>
      </c>
      <c r="K88" s="49">
        <v>15</v>
      </c>
      <c r="L88" s="45">
        <v>45263</v>
      </c>
      <c r="M88" s="49">
        <v>4</v>
      </c>
      <c r="N88" s="46">
        <v>45263</v>
      </c>
      <c r="O88" s="22" t="s">
        <v>116</v>
      </c>
      <c r="P88" s="53">
        <v>7</v>
      </c>
    </row>
    <row r="89" spans="1:16" s="58" customFormat="1" x14ac:dyDescent="0.2">
      <c r="A89" s="61"/>
      <c r="B89" s="61"/>
      <c r="O89" s="100"/>
    </row>
    <row r="90" spans="1:16" ht="6" customHeight="1" x14ac:dyDescent="0.2"/>
    <row r="91" spans="1:16" x14ac:dyDescent="0.2">
      <c r="A91" s="13"/>
      <c r="B91" s="13"/>
    </row>
    <row r="92" spans="1:16" x14ac:dyDescent="0.2">
      <c r="A92" s="13"/>
      <c r="B92" s="13"/>
    </row>
    <row r="93" spans="1:16" x14ac:dyDescent="0.2">
      <c r="A93" s="13"/>
      <c r="B93" s="13"/>
    </row>
    <row r="94" spans="1:16" x14ac:dyDescent="0.2">
      <c r="A94" s="13"/>
      <c r="B94" s="13"/>
    </row>
    <row r="95" spans="1:16" x14ac:dyDescent="0.2">
      <c r="A95" s="13"/>
      <c r="B95" s="13"/>
    </row>
    <row r="96" spans="1:16" ht="15.75" customHeight="1" x14ac:dyDescent="0.2">
      <c r="A96" s="13"/>
      <c r="B96" s="13"/>
    </row>
  </sheetData>
  <autoFilter ref="A52:Q88" xr:uid="{BD04CFB6-029E-4F22-B481-9E1461D538C8}">
    <filterColumn colId="0" showButton="0"/>
  </autoFilter>
  <mergeCells count="53">
    <mergeCell ref="A86:B88"/>
    <mergeCell ref="A71:B73"/>
    <mergeCell ref="A74:B76"/>
    <mergeCell ref="A77:B79"/>
    <mergeCell ref="A48:A50"/>
    <mergeCell ref="B48:B50"/>
    <mergeCell ref="J1:N1"/>
    <mergeCell ref="C1:C2"/>
    <mergeCell ref="A1:A2"/>
    <mergeCell ref="B1:B2"/>
    <mergeCell ref="D1:H1"/>
    <mergeCell ref="A42:A44"/>
    <mergeCell ref="B42:B44"/>
    <mergeCell ref="A80:B82"/>
    <mergeCell ref="A83:B85"/>
    <mergeCell ref="C51:C52"/>
    <mergeCell ref="A45:A47"/>
    <mergeCell ref="B45:B47"/>
    <mergeCell ref="D51:H51"/>
    <mergeCell ref="J51:N51"/>
    <mergeCell ref="A51:B52"/>
    <mergeCell ref="A68:B70"/>
    <mergeCell ref="A53:B55"/>
    <mergeCell ref="A56:B58"/>
    <mergeCell ref="A59:B61"/>
    <mergeCell ref="A62:B64"/>
    <mergeCell ref="A65:B67"/>
    <mergeCell ref="A3:A5"/>
    <mergeCell ref="A6:A8"/>
    <mergeCell ref="A9:A11"/>
    <mergeCell ref="A12:A14"/>
    <mergeCell ref="A15:A17"/>
    <mergeCell ref="A18:A20"/>
    <mergeCell ref="A21:A23"/>
    <mergeCell ref="A24:A26"/>
    <mergeCell ref="A27:A29"/>
    <mergeCell ref="A30:A32"/>
    <mergeCell ref="A33:A35"/>
    <mergeCell ref="A36:A38"/>
    <mergeCell ref="A39:A41"/>
    <mergeCell ref="B39:B41"/>
    <mergeCell ref="B36:B38"/>
    <mergeCell ref="B33:B35"/>
    <mergeCell ref="B30:B32"/>
    <mergeCell ref="B27:B29"/>
    <mergeCell ref="B24:B26"/>
    <mergeCell ref="B21:B23"/>
    <mergeCell ref="B18:B20"/>
    <mergeCell ref="B15:B17"/>
    <mergeCell ref="B12:B14"/>
    <mergeCell ref="B9:B11"/>
    <mergeCell ref="B6:B8"/>
    <mergeCell ref="B3:B5"/>
  </mergeCells>
  <phoneticPr fontId="2"/>
  <pageMargins left="0.78740157480314965" right="0.19685039370078741" top="0.98425196850393704" bottom="2.1653543307086616" header="0.51181102362204722" footer="0.39370078740157483"/>
  <pageSetup paperSize="9" scale="89" orientation="portrait" horizontalDpi="300" verticalDpi="300" r:id="rId1"/>
  <headerFooter alignWithMargins="0">
    <oddHeader>&amp;L&amp;14 ５．　気 象 概 況</oddHeader>
    <oddFooter>&amp;L　）や】は、値を求める対象の資料が一部欠けていることを示す。また、】は一定量以上資料が欠けているため利用には注意が必要。
「積雪差の合計」欄の年合計値は、寒候年（前年の秋～当年の春）の値。積雪差の合計は、１時～２４時までの毎正時の積雪値からそれぞれ１時間前後の値との差を取り、そのうちの増加分を合計したもの。
観測地点の「石狩」は石狩地域気象観測所（アメダス）、「厚田」は厚田地域気象観測所（アメダス）、「浜益」は浜益気象観測所（アメダス）のこと。また、浜益では積雪の観測は行っていない。</oddFooter>
  </headerFooter>
  <rowBreaks count="1" manualBreakCount="1">
    <brk id="50" max="15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0A50C75B-6954-433B-BFE8-015FEDEDAFD8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D9C6A92B-79F5-43E8-A03F-43190D76ADD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53CEC543-EA53-4102-A01E-341CBDE40BB8}">
  <ds:schemaRefs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schemas.microsoft.com/office/2006/metadata/properti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５　気象概況</vt:lpstr>
      <vt:lpstr>'５　気象概況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9706166</dc:creator>
  <cp:lastModifiedBy>Administrator</cp:lastModifiedBy>
  <cp:lastPrinted>2023-06-08T02:17:06Z</cp:lastPrinted>
  <dcterms:created xsi:type="dcterms:W3CDTF">2016-03-09T05:17:43Z</dcterms:created>
  <dcterms:modified xsi:type="dcterms:W3CDTF">2023-06-08T02:17:14Z</dcterms:modified>
</cp:coreProperties>
</file>